
<file path=[Content_Types].xml><?xml version="1.0" encoding="utf-8"?>
<Types xmlns="http://schemas.openxmlformats.org/package/2006/content-types">
  <Default Extension="gif" ContentType="image/gif"/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Masters/slideMaster4.xml" ContentType="application/vnd.openxmlformats-officedocument.presentationml.slideMaster+xml"/>
  <Override PartName="/ppt/slideMasters/slideMaster5.xml" ContentType="application/vnd.openxmlformats-officedocument.presentationml.slideMaster+xml"/>
  <Override PartName="/ppt/slideMasters/slideMaster6.xml" ContentType="application/vnd.openxmlformats-officedocument.presentationml.slideMaster+xml"/>
  <Override PartName="/ppt/slideMasters/slideMaster7.xml" ContentType="application/vnd.openxmlformats-officedocument.presentationml.slideMaster+xml"/>
  <Override PartName="/ppt/slideMasters/slideMaster8.xml" ContentType="application/vnd.openxmlformats-officedocument.presentationml.slideMaster+xml"/>
  <Override PartName="/ppt/slideMasters/slideMaster9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theme/theme2.xml" ContentType="application/vnd.openxmlformats-officedocument.theme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theme/theme3.xml" ContentType="application/vnd.openxmlformats-officedocument.theme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theme/theme4.xml" ContentType="application/vnd.openxmlformats-officedocument.theme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theme/theme5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slideLayouts/slideLayout58.xml" ContentType="application/vnd.openxmlformats-officedocument.presentationml.slideLayout+xml"/>
  <Override PartName="/ppt/slideLayouts/slideLayout59.xml" ContentType="application/vnd.openxmlformats-officedocument.presentationml.slideLayout+xml"/>
  <Override PartName="/ppt/slideLayouts/slideLayout60.xml" ContentType="application/vnd.openxmlformats-officedocument.presentationml.slideLayout+xml"/>
  <Override PartName="/ppt/slideLayouts/slideLayout61.xml" ContentType="application/vnd.openxmlformats-officedocument.presentationml.slideLayout+xml"/>
  <Override PartName="/ppt/slideLayouts/slideLayout62.xml" ContentType="application/vnd.openxmlformats-officedocument.presentationml.slideLayout+xml"/>
  <Override PartName="/ppt/slideLayouts/slideLayout63.xml" ContentType="application/vnd.openxmlformats-officedocument.presentationml.slideLayout+xml"/>
  <Override PartName="/ppt/slideLayouts/slideLayout64.xml" ContentType="application/vnd.openxmlformats-officedocument.presentationml.slideLayout+xml"/>
  <Override PartName="/ppt/theme/theme6.xml" ContentType="application/vnd.openxmlformats-officedocument.theme+xml"/>
  <Override PartName="/ppt/slideLayouts/slideLayout65.xml" ContentType="application/vnd.openxmlformats-officedocument.presentationml.slideLayout+xml"/>
  <Override PartName="/ppt/slideLayouts/slideLayout66.xml" ContentType="application/vnd.openxmlformats-officedocument.presentationml.slideLayout+xml"/>
  <Override PartName="/ppt/slideLayouts/slideLayout67.xml" ContentType="application/vnd.openxmlformats-officedocument.presentationml.slideLayout+xml"/>
  <Override PartName="/ppt/slideLayouts/slideLayout68.xml" ContentType="application/vnd.openxmlformats-officedocument.presentationml.slideLayout+xml"/>
  <Override PartName="/ppt/slideLayouts/slideLayout69.xml" ContentType="application/vnd.openxmlformats-officedocument.presentationml.slideLayout+xml"/>
  <Override PartName="/ppt/slideLayouts/slideLayout70.xml" ContentType="application/vnd.openxmlformats-officedocument.presentationml.slideLayout+xml"/>
  <Override PartName="/ppt/slideLayouts/slideLayout71.xml" ContentType="application/vnd.openxmlformats-officedocument.presentationml.slideLayout+xml"/>
  <Override PartName="/ppt/slideLayouts/slideLayout72.xml" ContentType="application/vnd.openxmlformats-officedocument.presentationml.slideLayout+xml"/>
  <Override PartName="/ppt/slideLayouts/slideLayout73.xml" ContentType="application/vnd.openxmlformats-officedocument.presentationml.slideLayout+xml"/>
  <Override PartName="/ppt/slideLayouts/slideLayout74.xml" ContentType="application/vnd.openxmlformats-officedocument.presentationml.slideLayout+xml"/>
  <Override PartName="/ppt/slideLayouts/slideLayout75.xml" ContentType="application/vnd.openxmlformats-officedocument.presentationml.slideLayout+xml"/>
  <Override PartName="/ppt/slideLayouts/slideLayout76.xml" ContentType="application/vnd.openxmlformats-officedocument.presentationml.slideLayout+xml"/>
  <Override PartName="/ppt/theme/theme7.xml" ContentType="application/vnd.openxmlformats-officedocument.theme+xml"/>
  <Override PartName="/ppt/slideLayouts/slideLayout77.xml" ContentType="application/vnd.openxmlformats-officedocument.presentationml.slideLayout+xml"/>
  <Override PartName="/ppt/slideLayouts/slideLayout78.xml" ContentType="application/vnd.openxmlformats-officedocument.presentationml.slideLayout+xml"/>
  <Override PartName="/ppt/slideLayouts/slideLayout79.xml" ContentType="application/vnd.openxmlformats-officedocument.presentationml.slideLayout+xml"/>
  <Override PartName="/ppt/slideLayouts/slideLayout80.xml" ContentType="application/vnd.openxmlformats-officedocument.presentationml.slideLayout+xml"/>
  <Override PartName="/ppt/slideLayouts/slideLayout81.xml" ContentType="application/vnd.openxmlformats-officedocument.presentationml.slideLayout+xml"/>
  <Override PartName="/ppt/slideLayouts/slideLayout82.xml" ContentType="application/vnd.openxmlformats-officedocument.presentationml.slideLayout+xml"/>
  <Override PartName="/ppt/slideLayouts/slideLayout83.xml" ContentType="application/vnd.openxmlformats-officedocument.presentationml.slideLayout+xml"/>
  <Override PartName="/ppt/slideLayouts/slideLayout84.xml" ContentType="application/vnd.openxmlformats-officedocument.presentationml.slideLayout+xml"/>
  <Override PartName="/ppt/slideLayouts/slideLayout85.xml" ContentType="application/vnd.openxmlformats-officedocument.presentationml.slideLayout+xml"/>
  <Override PartName="/ppt/slideLayouts/slideLayout86.xml" ContentType="application/vnd.openxmlformats-officedocument.presentationml.slideLayout+xml"/>
  <Override PartName="/ppt/slideLayouts/slideLayout87.xml" ContentType="application/vnd.openxmlformats-officedocument.presentationml.slideLayout+xml"/>
  <Override PartName="/ppt/slideLayouts/slideLayout88.xml" ContentType="application/vnd.openxmlformats-officedocument.presentationml.slideLayout+xml"/>
  <Override PartName="/ppt/theme/theme8.xml" ContentType="application/vnd.openxmlformats-officedocument.theme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slideLayouts/slideLayout89.xml" ContentType="application/vnd.openxmlformats-officedocument.presentationml.slideLayout+xml"/>
  <Override PartName="/ppt/slideLayouts/slideLayout90.xml" ContentType="application/vnd.openxmlformats-officedocument.presentationml.slideLayout+xml"/>
  <Override PartName="/ppt/slideLayouts/slideLayout91.xml" ContentType="application/vnd.openxmlformats-officedocument.presentationml.slideLayout+xml"/>
  <Override PartName="/ppt/slideLayouts/slideLayout92.xml" ContentType="application/vnd.openxmlformats-officedocument.presentationml.slideLayout+xml"/>
  <Override PartName="/ppt/slideLayouts/slideLayout93.xml" ContentType="application/vnd.openxmlformats-officedocument.presentationml.slideLayout+xml"/>
  <Override PartName="/ppt/slideLayouts/slideLayout94.xml" ContentType="application/vnd.openxmlformats-officedocument.presentationml.slideLayout+xml"/>
  <Override PartName="/ppt/slideLayouts/slideLayout95.xml" ContentType="application/vnd.openxmlformats-officedocument.presentationml.slideLayout+xml"/>
  <Override PartName="/ppt/slideLayouts/slideLayout96.xml" ContentType="application/vnd.openxmlformats-officedocument.presentationml.slideLayout+xml"/>
  <Override PartName="/ppt/slideLayouts/slideLayout97.xml" ContentType="application/vnd.openxmlformats-officedocument.presentationml.slideLayout+xml"/>
  <Override PartName="/ppt/slideLayouts/slideLayout98.xml" ContentType="application/vnd.openxmlformats-officedocument.presentationml.slideLayout+xml"/>
  <Override PartName="/ppt/slideLayouts/slideLayout99.xml" ContentType="application/vnd.openxmlformats-officedocument.presentationml.slideLayout+xml"/>
  <Override PartName="/ppt/theme/theme9.xml" ContentType="application/vnd.openxmlformats-officedocument.theme+xml"/>
  <Override PartName="/ppt/tags/tag30.xml" ContentType="application/vnd.openxmlformats-officedocument.presentationml.tags+xml"/>
  <Override PartName="/ppt/theme/theme10.xml" ContentType="application/vnd.openxmlformats-officedocument.theme+xml"/>
  <Override PartName="/ppt/tags/tag31.xml" ContentType="application/vnd.openxmlformats-officedocument.presentationml.tags+xml"/>
  <Override PartName="/ppt/notesSlides/notesSlide1.xml" ContentType="application/vnd.openxmlformats-officedocument.presentationml.notesSlide+xml"/>
  <Override PartName="/ppt/tags/tag32.xml" ContentType="application/vnd.openxmlformats-officedocument.presentationml.tags+xml"/>
  <Override PartName="/ppt/notesSlides/notesSlide2.xml" ContentType="application/vnd.openxmlformats-officedocument.presentationml.notesSlide+xml"/>
  <Override PartName="/ppt/tags/tag33.xml" ContentType="application/vnd.openxmlformats-officedocument.presentationml.tags+xml"/>
  <Override PartName="/ppt/notesSlides/notesSlide3.xml" ContentType="application/vnd.openxmlformats-officedocument.presentationml.notesSlide+xml"/>
  <Override PartName="/ppt/tags/tag34.xml" ContentType="application/vnd.openxmlformats-officedocument.presentationml.tags+xml"/>
  <Override PartName="/ppt/notesSlides/notesSlide4.xml" ContentType="application/vnd.openxmlformats-officedocument.presentationml.notesSlide+xml"/>
  <Override PartName="/ppt/tags/tag35.xml" ContentType="application/vnd.openxmlformats-officedocument.presentationml.tags+xml"/>
  <Override PartName="/ppt/notesSlides/notesSlide5.xml" ContentType="application/vnd.openxmlformats-officedocument.presentationml.notesSlide+xml"/>
  <Override PartName="/ppt/tags/tag36.xml" ContentType="application/vnd.openxmlformats-officedocument.presentationml.tags+xml"/>
  <Override PartName="/ppt/notesSlides/notesSlide6.xml" ContentType="application/vnd.openxmlformats-officedocument.presentationml.notesSlide+xml"/>
  <Override PartName="/ppt/tags/tag37.xml" ContentType="application/vnd.openxmlformats-officedocument.presentationml.tags+xml"/>
  <Override PartName="/ppt/tags/tag38.xml" ContentType="application/vnd.openxmlformats-officedocument.presentationml.tags+xml"/>
  <Override PartName="/ppt/tags/tag39.xml" ContentType="application/vnd.openxmlformats-officedocument.presentationml.tags+xml"/>
  <Override PartName="/ppt/notesSlides/notesSlide7.xml" ContentType="application/vnd.openxmlformats-officedocument.presentationml.notesSlide+xml"/>
  <Override PartName="/ppt/tags/tag40.xml" ContentType="application/vnd.openxmlformats-officedocument.presentationml.tags+xml"/>
  <Override PartName="/ppt/notesSlides/notesSlide8.xml" ContentType="application/vnd.openxmlformats-officedocument.presentationml.notesSlide+xml"/>
  <Override PartName="/ppt/tags/tag41.xml" ContentType="application/vnd.openxmlformats-officedocument.presentationml.tags+xml"/>
  <Override PartName="/ppt/notesSlides/notesSlide9.xml" ContentType="application/vnd.openxmlformats-officedocument.presentationml.notesSlide+xml"/>
  <Override PartName="/ppt/tags/tag42.xml" ContentType="application/vnd.openxmlformats-officedocument.presentationml.tags+xml"/>
  <Override PartName="/ppt/notesSlides/notesSlide10.xml" ContentType="application/vnd.openxmlformats-officedocument.presentationml.notesSlide+xml"/>
  <Override PartName="/ppt/tags/tag43.xml" ContentType="application/vnd.openxmlformats-officedocument.presentationml.tags+xml"/>
  <Override PartName="/ppt/notesSlides/notesSlide11.xml" ContentType="application/vnd.openxmlformats-officedocument.presentationml.notesSlide+xml"/>
  <Override PartName="/ppt/tags/tag44.xml" ContentType="application/vnd.openxmlformats-officedocument.presentationml.tags+xml"/>
  <Override PartName="/ppt/notesSlides/notesSlide12.xml" ContentType="application/vnd.openxmlformats-officedocument.presentationml.notesSlide+xml"/>
  <Override PartName="/ppt/tags/tag45.xml" ContentType="application/vnd.openxmlformats-officedocument.presentationml.tags+xml"/>
  <Override PartName="/ppt/notesSlides/notesSlide13.xml" ContentType="application/vnd.openxmlformats-officedocument.presentationml.notesSlide+xml"/>
  <Override PartName="/ppt/tags/tag46.xml" ContentType="application/vnd.openxmlformats-officedocument.presentationml.tags+xml"/>
  <Override PartName="/ppt/notesSlides/notesSlide14.xml" ContentType="application/vnd.openxmlformats-officedocument.presentationml.notesSlide+xml"/>
  <Override PartName="/ppt/tags/tag47.xml" ContentType="application/vnd.openxmlformats-officedocument.presentationml.tags+xml"/>
  <Override PartName="/ppt/notesSlides/notesSlide15.xml" ContentType="application/vnd.openxmlformats-officedocument.presentationml.notesSlide+xml"/>
  <Override PartName="/ppt/tags/tag48.xml" ContentType="application/vnd.openxmlformats-officedocument.presentationml.tags+xml"/>
  <Override PartName="/ppt/notesSlides/notesSlide1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0" r:id="rId2"/>
    <p:sldMasterId id="2147483673" r:id="rId3"/>
    <p:sldMasterId id="2147483685" r:id="rId4"/>
    <p:sldMasterId id="2147483693" r:id="rId5"/>
    <p:sldMasterId id="2147483706" r:id="rId6"/>
    <p:sldMasterId id="2147483718" r:id="rId7"/>
    <p:sldMasterId id="2147483731" r:id="rId8"/>
    <p:sldMasterId id="2147483744" r:id="rId9"/>
  </p:sldMasterIdLst>
  <p:notesMasterIdLst>
    <p:notesMasterId r:id="rId28"/>
  </p:notesMasterIdLst>
  <p:sldIdLst>
    <p:sldId id="256" r:id="rId10"/>
    <p:sldId id="257" r:id="rId11"/>
    <p:sldId id="258" r:id="rId12"/>
    <p:sldId id="259" r:id="rId13"/>
    <p:sldId id="260" r:id="rId14"/>
    <p:sldId id="261" r:id="rId15"/>
    <p:sldId id="392" r:id="rId16"/>
    <p:sldId id="393" r:id="rId17"/>
    <p:sldId id="262" r:id="rId18"/>
    <p:sldId id="263" r:id="rId19"/>
    <p:sldId id="264" r:id="rId20"/>
    <p:sldId id="265" r:id="rId21"/>
    <p:sldId id="266" r:id="rId22"/>
    <p:sldId id="267" r:id="rId23"/>
    <p:sldId id="268" r:id="rId24"/>
    <p:sldId id="269" r:id="rId25"/>
    <p:sldId id="270" r:id="rId26"/>
    <p:sldId id="391" r:id="rId27"/>
  </p:sldIdLst>
  <p:sldSz cx="12192000" cy="6858000"/>
  <p:notesSz cx="6858000" cy="9144000"/>
  <p:custDataLst>
    <p:tags r:id="rId29"/>
  </p:custDataLst>
  <p:defaultTextStyle>
    <a:defPPr>
      <a:defRPr lang="tr-T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54" d="100"/>
          <a:sy n="54" d="100"/>
        </p:scale>
        <p:origin x="1124" y="5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4.xml"/><Relationship Id="rId18" Type="http://schemas.openxmlformats.org/officeDocument/2006/relationships/slide" Target="slides/slide9.xml"/><Relationship Id="rId26" Type="http://schemas.openxmlformats.org/officeDocument/2006/relationships/slide" Target="slides/slide17.xml"/><Relationship Id="rId3" Type="http://schemas.openxmlformats.org/officeDocument/2006/relationships/slideMaster" Target="slideMasters/slideMaster3.xml"/><Relationship Id="rId21" Type="http://schemas.openxmlformats.org/officeDocument/2006/relationships/slide" Target="slides/slide12.xml"/><Relationship Id="rId7" Type="http://schemas.openxmlformats.org/officeDocument/2006/relationships/slideMaster" Target="slideMasters/slideMaster7.xml"/><Relationship Id="rId12" Type="http://schemas.openxmlformats.org/officeDocument/2006/relationships/slide" Target="slides/slide3.xml"/><Relationship Id="rId17" Type="http://schemas.openxmlformats.org/officeDocument/2006/relationships/slide" Target="slides/slide8.xml"/><Relationship Id="rId25" Type="http://schemas.openxmlformats.org/officeDocument/2006/relationships/slide" Target="slides/slide16.xml"/><Relationship Id="rId33" Type="http://schemas.openxmlformats.org/officeDocument/2006/relationships/tableStyles" Target="tableStyles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7.xml"/><Relationship Id="rId20" Type="http://schemas.openxmlformats.org/officeDocument/2006/relationships/slide" Target="slides/slide11.xml"/><Relationship Id="rId29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Master" Target="slideMasters/slideMaster6.xml"/><Relationship Id="rId11" Type="http://schemas.openxmlformats.org/officeDocument/2006/relationships/slide" Target="slides/slide2.xml"/><Relationship Id="rId24" Type="http://schemas.openxmlformats.org/officeDocument/2006/relationships/slide" Target="slides/slide15.xml"/><Relationship Id="rId32" Type="http://schemas.openxmlformats.org/officeDocument/2006/relationships/theme" Target="theme/theme1.xml"/><Relationship Id="rId5" Type="http://schemas.openxmlformats.org/officeDocument/2006/relationships/slideMaster" Target="slideMasters/slideMaster5.xml"/><Relationship Id="rId15" Type="http://schemas.openxmlformats.org/officeDocument/2006/relationships/slide" Target="slides/slide6.xml"/><Relationship Id="rId23" Type="http://schemas.openxmlformats.org/officeDocument/2006/relationships/slide" Target="slides/slide14.xml"/><Relationship Id="rId28" Type="http://schemas.openxmlformats.org/officeDocument/2006/relationships/notesMaster" Target="notesMasters/notesMaster1.xml"/><Relationship Id="rId10" Type="http://schemas.openxmlformats.org/officeDocument/2006/relationships/slide" Target="slides/slide1.xml"/><Relationship Id="rId19" Type="http://schemas.openxmlformats.org/officeDocument/2006/relationships/slide" Target="slides/slide10.xml"/><Relationship Id="rId31" Type="http://schemas.openxmlformats.org/officeDocument/2006/relationships/viewProps" Target="viewProps.xml"/><Relationship Id="rId4" Type="http://schemas.openxmlformats.org/officeDocument/2006/relationships/slideMaster" Target="slideMasters/slideMaster4.xml"/><Relationship Id="rId9" Type="http://schemas.openxmlformats.org/officeDocument/2006/relationships/slideMaster" Target="slideMasters/slideMaster9.xml"/><Relationship Id="rId14" Type="http://schemas.openxmlformats.org/officeDocument/2006/relationships/slide" Target="slides/slide5.xml"/><Relationship Id="rId22" Type="http://schemas.openxmlformats.org/officeDocument/2006/relationships/slide" Target="slides/slide13.xml"/><Relationship Id="rId27" Type="http://schemas.openxmlformats.org/officeDocument/2006/relationships/slide" Target="slides/slide18.xml"/><Relationship Id="rId30" Type="http://schemas.openxmlformats.org/officeDocument/2006/relationships/presProps" Target="presProps.xml"/><Relationship Id="rId8" Type="http://schemas.openxmlformats.org/officeDocument/2006/relationships/slideMaster" Target="slideMasters/slideMaster8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10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Üstbilgi Yer Tutucusu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3" name="Veri Yer Tutucusu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4A7D54F-7E93-4E4D-B7F5-8D8E56CA087D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4" name="Slayt Görüntüsü Yer Tutucusu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tr-TR"/>
          </a:p>
        </p:txBody>
      </p:sp>
      <p:sp>
        <p:nvSpPr>
          <p:cNvPr id="5" name="Not Yer Tutucusu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E5027AB-0950-4BE8-B1D1-CAC8AF1C12FF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65817664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E5027AB-0950-4BE8-B1D1-CAC8AF1C12FF}" type="slidenum">
              <a:rPr lang="tr-TR" smtClean="0"/>
              <a:t>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21530501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CD12DCC-FDAB-4FDF-B2CD-1E44168687C9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6373179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01CF868-8561-4F35-B720-B3411C10D421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3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346336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DF03E3-C67E-4280-BAA1-23FE2F3C170C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15518591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DF03E3-C67E-4280-BAA1-23FE2F3C170C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30316710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DF03E3-C67E-4280-BAA1-23FE2F3C170C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6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830544792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DF03E3-C67E-4280-BAA1-23FE2F3C170C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7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18885087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8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7621696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E5027AB-0950-4BE8-B1D1-CAC8AF1C12FF}" type="slidenum">
              <a:rPr lang="tr-TR" smtClean="0"/>
              <a:t>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21482256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E5027AB-0950-4BE8-B1D1-CAC8AF1C12FF}" type="slidenum">
              <a:rPr lang="tr-TR" smtClean="0"/>
              <a:t>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40692478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E5027AB-0950-4BE8-B1D1-CAC8AF1C12FF}" type="slidenum">
              <a:rPr lang="tr-TR" smtClean="0"/>
              <a:t>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9006855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E5027AB-0950-4BE8-B1D1-CAC8AF1C12FF}" type="slidenum">
              <a:rPr lang="tr-TR" smtClean="0"/>
              <a:t>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88351813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E5027AB-0950-4BE8-B1D1-CAC8AF1C12FF}" type="slidenum">
              <a:rPr lang="tr-TR" smtClean="0"/>
              <a:t>6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64221363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E5027AB-0950-4BE8-B1D1-CAC8AF1C12FF}" type="slidenum">
              <a:rPr lang="tr-TR" smtClean="0"/>
              <a:t>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825571565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E5027AB-0950-4BE8-B1D1-CAC8AF1C12FF}" type="slidenum">
              <a:rPr lang="tr-TR" smtClean="0"/>
              <a:t>10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24658571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E5027AB-0950-4BE8-B1D1-CAC8AF1C12FF}" type="slidenum">
              <a:rPr lang="tr-TR" smtClean="0"/>
              <a:t>1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50449928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3" Type="http://schemas.openxmlformats.org/officeDocument/2006/relationships/hyperlink" Target="https://powerpoint-free.blogspot.com/" TargetMode="External"/><Relationship Id="rId2" Type="http://schemas.openxmlformats.org/officeDocument/2006/relationships/hyperlink" Target="https://hangeuldoc.tistory.com/" TargetMode="External"/><Relationship Id="rId1" Type="http://schemas.openxmlformats.org/officeDocument/2006/relationships/slideMaster" Target="../slideMasters/slideMaster2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3.xml.rels><?xml version="1.0" encoding="UTF-8" standalone="yes"?>
<Relationships xmlns="http://schemas.openxmlformats.org/package/2006/relationships"><Relationship Id="rId3" Type="http://schemas.openxmlformats.org/officeDocument/2006/relationships/hyperlink" Target="https://powerpoint-free.blogspot.com/" TargetMode="External"/><Relationship Id="rId2" Type="http://schemas.openxmlformats.org/officeDocument/2006/relationships/hyperlink" Target="https://hangeuldoc.tistory.com/" TargetMode="External"/><Relationship Id="rId1" Type="http://schemas.openxmlformats.org/officeDocument/2006/relationships/slideMaster" Target="../slideMasters/slideMaster3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2.xml.rels><?xml version="1.0" encoding="UTF-8" standalone="yes"?>
<Relationships xmlns="http://schemas.openxmlformats.org/package/2006/relationships"><Relationship Id="rId3" Type="http://schemas.openxmlformats.org/officeDocument/2006/relationships/tags" Target="../tags/tag9.xml"/><Relationship Id="rId2" Type="http://schemas.openxmlformats.org/officeDocument/2006/relationships/tags" Target="../tags/tag8.xml"/><Relationship Id="rId1" Type="http://schemas.openxmlformats.org/officeDocument/2006/relationships/tags" Target="../tags/tag7.xml"/><Relationship Id="rId6" Type="http://schemas.openxmlformats.org/officeDocument/2006/relationships/slideMaster" Target="../slideMasters/slideMaster5.xml"/><Relationship Id="rId5" Type="http://schemas.openxmlformats.org/officeDocument/2006/relationships/tags" Target="../tags/tag11.xml"/><Relationship Id="rId4" Type="http://schemas.openxmlformats.org/officeDocument/2006/relationships/tags" Target="../tags/tag10.xml"/></Relationships>
</file>

<file path=ppt/slideLayouts/_rels/slideLayout43.xml.rels><?xml version="1.0" encoding="UTF-8" standalone="yes"?>
<Relationships xmlns="http://schemas.openxmlformats.org/package/2006/relationships"><Relationship Id="rId3" Type="http://schemas.openxmlformats.org/officeDocument/2006/relationships/tags" Target="../tags/tag14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slideMaster" Target="../slideMasters/slideMaster5.xml"/><Relationship Id="rId5" Type="http://schemas.openxmlformats.org/officeDocument/2006/relationships/tags" Target="../tags/tag16.xml"/><Relationship Id="rId4" Type="http://schemas.openxmlformats.org/officeDocument/2006/relationships/tags" Target="../tags/tag15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18.xml"/></Relationships>
</file>

<file path=ppt/slideLayouts/_rels/slideLayout7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19.xml"/></Relationships>
</file>

<file path=ppt/slideLayouts/_rels/slideLayout7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20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21.xml"/></Relationships>
</file>

<file path=ppt/slideLayouts/_rels/slideLayout8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22.xml"/></Relationships>
</file>

<file path=ppt/slideLayouts/_rels/slideLayout8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23.xml"/></Relationships>
</file>

<file path=ppt/slideLayouts/_rels/slideLayout8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24.xml"/></Relationships>
</file>

<file path=ppt/slideLayouts/_rels/slideLayout8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25.xml"/></Relationships>
</file>

<file path=ppt/slideLayouts/_rels/slideLayout8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26.xml"/></Relationships>
</file>

<file path=ppt/slideLayouts/_rels/slideLayout8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27.xml"/></Relationships>
</file>

<file path=ppt/slideLayouts/_rels/slideLayout8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28.xml"/></Relationships>
</file>

<file path=ppt/slideLayouts/_rels/slideLayout8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29.xml"/></Relationships>
</file>

<file path=ppt/slideLayouts/_rels/slideLayout8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9.xml"/><Relationship Id="rId1" Type="http://schemas.openxmlformats.org/officeDocument/2006/relationships/tags" Target="../tags/tag30.xml"/></Relationships>
</file>

<file path=ppt/slideLayouts/_rels/slideLayout9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9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88356725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79078620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65979708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089607128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5675346" y="6492876"/>
            <a:ext cx="84130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>
              <a:defRPr lang="ko-KR" altLang="en-US" sz="1200" smtClean="0">
                <a:solidFill>
                  <a:schemeClr val="bg1">
                    <a:lumMod val="50000"/>
                  </a:schemeClr>
                </a:solidFill>
                <a:latin typeface="Bahnschrift SemiCondensed" panose="020B0502040204020203" pitchFamily="34" charset="0"/>
              </a:defRPr>
            </a:lvl1pPr>
          </a:lstStyle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en-US" altLang="ko-KR" sz="1200" b="0" i="0" u="none" strike="noStrike" kern="1200" cap="none" spc="0" normalizeH="0" baseline="0" noProof="0" smtClean="0">
                <a:ln>
                  <a:noFill/>
                </a:ln>
                <a:solidFill>
                  <a:prstClr val="white">
                    <a:lumMod val="50000"/>
                  </a:prstClr>
                </a:solidFill>
                <a:effectLst/>
                <a:uLnTx/>
                <a:uFillTx/>
                <a:latin typeface="Bahnschrift SemiCondensed" panose="020B0502040204020203" pitchFamily="34" charset="0"/>
                <a:ea typeface="맑은 고딕"/>
                <a:cs typeface="+mn-cs"/>
              </a:rPr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altLang="ko-KR" sz="1200" b="0" i="0" u="none" strike="noStrike" kern="1200" cap="none" spc="0" normalizeH="0" baseline="0" noProof="0" dirty="0">
              <a:ln>
                <a:noFill/>
              </a:ln>
              <a:solidFill>
                <a:prstClr val="white">
                  <a:lumMod val="50000"/>
                </a:prstClr>
              </a:solidFill>
              <a:effectLst/>
              <a:uLnTx/>
              <a:uFillTx/>
              <a:latin typeface="Bahnschrift SemiCondensed" panose="020B0502040204020203" pitchFamily="34" charset="0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23172808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865869961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sert for Pictu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4">
            <a:extLst>
              <a:ext uri="{FF2B5EF4-FFF2-40B4-BE49-F238E27FC236}">
                <a16:creationId xmlns:a16="http://schemas.microsoft.com/office/drawing/2014/main" id="{DFF5F7BD-D86D-49C1-9E78-8F7E377B2411}"/>
              </a:ext>
            </a:extLst>
          </p:cNvPr>
          <p:cNvSpPr>
            <a:spLocks noGrp="1"/>
          </p:cNvSpPr>
          <p:nvPr>
            <p:ph type="pic" sz="quarter" idx="11"/>
          </p:nvPr>
        </p:nvSpPr>
        <p:spPr>
          <a:xfrm>
            <a:off x="565515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6" name="Picture Placeholder 4">
            <a:extLst>
              <a:ext uri="{FF2B5EF4-FFF2-40B4-BE49-F238E27FC236}">
                <a16:creationId xmlns:a16="http://schemas.microsoft.com/office/drawing/2014/main" id="{432AB3B8-407E-46A7-8B41-578ABBFA686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278822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7" name="Picture Placeholder 4">
            <a:extLst>
              <a:ext uri="{FF2B5EF4-FFF2-40B4-BE49-F238E27FC236}">
                <a16:creationId xmlns:a16="http://schemas.microsoft.com/office/drawing/2014/main" id="{DA56F8DE-5904-4FBC-B1A8-19921E0DB838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5010944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8" name="Picture Placeholder 4">
            <a:extLst>
              <a:ext uri="{FF2B5EF4-FFF2-40B4-BE49-F238E27FC236}">
                <a16:creationId xmlns:a16="http://schemas.microsoft.com/office/drawing/2014/main" id="{17EAFDBA-46DE-4090-85AE-3DEB413CAB04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23365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9" name="Picture Placeholder 4">
            <a:extLst>
              <a:ext uri="{FF2B5EF4-FFF2-40B4-BE49-F238E27FC236}">
                <a16:creationId xmlns:a16="http://schemas.microsoft.com/office/drawing/2014/main" id="{DD63AAA3-72FB-4B81-926A-6746C4935281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9456373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0" name="Picture Placeholder 4">
            <a:extLst>
              <a:ext uri="{FF2B5EF4-FFF2-40B4-BE49-F238E27FC236}">
                <a16:creationId xmlns:a16="http://schemas.microsoft.com/office/drawing/2014/main" id="{9D692FD7-1EA6-40C7-9404-B5BB709A8EAC}"/>
              </a:ext>
            </a:extLst>
          </p:cNvPr>
          <p:cNvSpPr>
            <a:spLocks noGrp="1"/>
          </p:cNvSpPr>
          <p:nvPr>
            <p:ph type="pic" sz="quarter" idx="16"/>
          </p:nvPr>
        </p:nvSpPr>
        <p:spPr>
          <a:xfrm>
            <a:off x="565515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1" name="Picture Placeholder 4">
            <a:extLst>
              <a:ext uri="{FF2B5EF4-FFF2-40B4-BE49-F238E27FC236}">
                <a16:creationId xmlns:a16="http://schemas.microsoft.com/office/drawing/2014/main" id="{448D18D7-91F1-4E63-95B1-19F3D1F7951D}"/>
              </a:ext>
            </a:extLst>
          </p:cNvPr>
          <p:cNvSpPr>
            <a:spLocks noGrp="1"/>
          </p:cNvSpPr>
          <p:nvPr>
            <p:ph type="pic" sz="quarter" idx="17"/>
          </p:nvPr>
        </p:nvSpPr>
        <p:spPr>
          <a:xfrm>
            <a:off x="278822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2" name="Picture Placeholder 4">
            <a:extLst>
              <a:ext uri="{FF2B5EF4-FFF2-40B4-BE49-F238E27FC236}">
                <a16:creationId xmlns:a16="http://schemas.microsoft.com/office/drawing/2014/main" id="{AF957841-0FB3-4B59-80C5-3DEA67D22DEE}"/>
              </a:ext>
            </a:extLst>
          </p:cNvPr>
          <p:cNvSpPr>
            <a:spLocks noGrp="1"/>
          </p:cNvSpPr>
          <p:nvPr>
            <p:ph type="pic" sz="quarter" idx="18"/>
          </p:nvPr>
        </p:nvSpPr>
        <p:spPr>
          <a:xfrm>
            <a:off x="5010944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3" name="Picture Placeholder 4">
            <a:extLst>
              <a:ext uri="{FF2B5EF4-FFF2-40B4-BE49-F238E27FC236}">
                <a16:creationId xmlns:a16="http://schemas.microsoft.com/office/drawing/2014/main" id="{F2538425-D921-44FD-B8C9-0A675E048F00}"/>
              </a:ext>
            </a:extLst>
          </p:cNvPr>
          <p:cNvSpPr>
            <a:spLocks noGrp="1"/>
          </p:cNvSpPr>
          <p:nvPr>
            <p:ph type="pic" sz="quarter" idx="19"/>
          </p:nvPr>
        </p:nvSpPr>
        <p:spPr>
          <a:xfrm>
            <a:off x="723365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4" name="Picture Placeholder 4">
            <a:extLst>
              <a:ext uri="{FF2B5EF4-FFF2-40B4-BE49-F238E27FC236}">
                <a16:creationId xmlns:a16="http://schemas.microsoft.com/office/drawing/2014/main" id="{9D01D4D1-345A-4465-841C-5DF5E2265425}"/>
              </a:ext>
            </a:extLst>
          </p:cNvPr>
          <p:cNvSpPr>
            <a:spLocks noGrp="1"/>
          </p:cNvSpPr>
          <p:nvPr>
            <p:ph type="pic" sz="quarter" idx="20"/>
          </p:nvPr>
        </p:nvSpPr>
        <p:spPr>
          <a:xfrm>
            <a:off x="9456373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5" name="Picture Placeholder 4">
            <a:extLst>
              <a:ext uri="{FF2B5EF4-FFF2-40B4-BE49-F238E27FC236}">
                <a16:creationId xmlns:a16="http://schemas.microsoft.com/office/drawing/2014/main" id="{00697502-2074-4BDD-8998-42D56FD3787B}"/>
              </a:ext>
            </a:extLst>
          </p:cNvPr>
          <p:cNvSpPr>
            <a:spLocks noGrp="1"/>
          </p:cNvSpPr>
          <p:nvPr>
            <p:ph type="pic" sz="quarter" idx="21"/>
          </p:nvPr>
        </p:nvSpPr>
        <p:spPr>
          <a:xfrm>
            <a:off x="565515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6" name="Picture Placeholder 4">
            <a:extLst>
              <a:ext uri="{FF2B5EF4-FFF2-40B4-BE49-F238E27FC236}">
                <a16:creationId xmlns:a16="http://schemas.microsoft.com/office/drawing/2014/main" id="{2768840C-7B9F-4A0C-8BD4-61D7BB211FCA}"/>
              </a:ext>
            </a:extLst>
          </p:cNvPr>
          <p:cNvSpPr>
            <a:spLocks noGrp="1"/>
          </p:cNvSpPr>
          <p:nvPr>
            <p:ph type="pic" sz="quarter" idx="22"/>
          </p:nvPr>
        </p:nvSpPr>
        <p:spPr>
          <a:xfrm>
            <a:off x="278822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7" name="Picture Placeholder 4">
            <a:extLst>
              <a:ext uri="{FF2B5EF4-FFF2-40B4-BE49-F238E27FC236}">
                <a16:creationId xmlns:a16="http://schemas.microsoft.com/office/drawing/2014/main" id="{24ECCEFB-B38D-4ADB-8B32-DE47D918ECE6}"/>
              </a:ext>
            </a:extLst>
          </p:cNvPr>
          <p:cNvSpPr>
            <a:spLocks noGrp="1"/>
          </p:cNvSpPr>
          <p:nvPr>
            <p:ph type="pic" sz="quarter" idx="23"/>
          </p:nvPr>
        </p:nvSpPr>
        <p:spPr>
          <a:xfrm>
            <a:off x="5010944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8" name="Picture Placeholder 4">
            <a:extLst>
              <a:ext uri="{FF2B5EF4-FFF2-40B4-BE49-F238E27FC236}">
                <a16:creationId xmlns:a16="http://schemas.microsoft.com/office/drawing/2014/main" id="{A33E7502-9CC1-404E-93E0-84CF5C7F3AD8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723365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9" name="Picture Placeholder 4">
            <a:extLst>
              <a:ext uri="{FF2B5EF4-FFF2-40B4-BE49-F238E27FC236}">
                <a16:creationId xmlns:a16="http://schemas.microsoft.com/office/drawing/2014/main" id="{8C95C1AF-94B3-408B-8786-270C44CF9F83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9456373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0" name="Picture Placeholder 4">
            <a:extLst>
              <a:ext uri="{FF2B5EF4-FFF2-40B4-BE49-F238E27FC236}">
                <a16:creationId xmlns:a16="http://schemas.microsoft.com/office/drawing/2014/main" id="{6285CFD3-9C6A-472D-9EE9-4A73C45B72D4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565515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1" name="Picture Placeholder 4">
            <a:extLst>
              <a:ext uri="{FF2B5EF4-FFF2-40B4-BE49-F238E27FC236}">
                <a16:creationId xmlns:a16="http://schemas.microsoft.com/office/drawing/2014/main" id="{739D75EF-86D3-4E4D-97CE-7C99F586F81C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278822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2" name="Picture Placeholder 4">
            <a:extLst>
              <a:ext uri="{FF2B5EF4-FFF2-40B4-BE49-F238E27FC236}">
                <a16:creationId xmlns:a16="http://schemas.microsoft.com/office/drawing/2014/main" id="{90E19E06-3959-4860-BD51-54367B281BBC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5010944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3" name="Picture Placeholder 4">
            <a:extLst>
              <a:ext uri="{FF2B5EF4-FFF2-40B4-BE49-F238E27FC236}">
                <a16:creationId xmlns:a16="http://schemas.microsoft.com/office/drawing/2014/main" id="{1D57807E-8249-4914-9278-607DA42ECEBE}"/>
              </a:ext>
            </a:extLst>
          </p:cNvPr>
          <p:cNvSpPr>
            <a:spLocks noGrp="1"/>
          </p:cNvSpPr>
          <p:nvPr>
            <p:ph type="pic" sz="quarter" idx="29"/>
          </p:nvPr>
        </p:nvSpPr>
        <p:spPr>
          <a:xfrm>
            <a:off x="723365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4" name="Picture Placeholder 4">
            <a:extLst>
              <a:ext uri="{FF2B5EF4-FFF2-40B4-BE49-F238E27FC236}">
                <a16:creationId xmlns:a16="http://schemas.microsoft.com/office/drawing/2014/main" id="{CC97E5B4-BD89-44C2-9629-22BE86D85B39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9456373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405333175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16619946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- Half T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100000">
                <a:srgbClr val="CBCFD3"/>
              </a:gs>
              <a:gs pos="0">
                <a:srgbClr val="E1E4E7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49704121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Gradi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88835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lumMod val="0"/>
                  <a:lumOff val="100000"/>
                </a:schemeClr>
              </a:gs>
              <a:gs pos="53000">
                <a:schemeClr val="accent5">
                  <a:lumMod val="0"/>
                  <a:lumOff val="100000"/>
                </a:schemeClr>
              </a:gs>
              <a:gs pos="100000">
                <a:schemeClr val="bg1">
                  <a:lumMod val="85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68898533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65716186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878818744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White &amp;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C365D61-25B7-4D09-B83D-76A28CDEDBF0}"/>
              </a:ext>
            </a:extLst>
          </p:cNvPr>
          <p:cNvSpPr/>
          <p:nvPr userDrawn="1"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44338800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 Nav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직사각형 1">
            <a:extLst>
              <a:ext uri="{FF2B5EF4-FFF2-40B4-BE49-F238E27FC236}">
                <a16:creationId xmlns:a16="http://schemas.microsoft.com/office/drawing/2014/main" id="{3C46467A-A779-40FF-BA29-A1414C15C34A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0">
                <a:srgbClr val="4F5461"/>
              </a:gs>
              <a:gs pos="46000">
                <a:srgbClr val="636875"/>
              </a:gs>
              <a:gs pos="100000">
                <a:srgbClr val="454C59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19626564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D6CF763-E0B7-4C0C-9678-0D8B227B0E37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6EC9FFA-8FDA-455B-9E79-756E631FBA33}"/>
              </a:ext>
            </a:extLst>
          </p:cNvPr>
          <p:cNvSpPr/>
          <p:nvPr userDrawn="1"/>
        </p:nvSpPr>
        <p:spPr>
          <a:xfrm>
            <a:off x="6096000" y="0"/>
            <a:ext cx="6096000" cy="6858000"/>
          </a:xfrm>
          <a:prstGeom prst="rect">
            <a:avLst/>
          </a:prstGeom>
          <a:solidFill>
            <a:schemeClr val="tx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83012832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icen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직사각형 18"/>
          <p:cNvSpPr/>
          <p:nvPr userDrawn="1"/>
        </p:nvSpPr>
        <p:spPr>
          <a:xfrm>
            <a:off x="0" y="4362450"/>
            <a:ext cx="6085840" cy="2495550"/>
          </a:xfrm>
          <a:prstGeom prst="rect">
            <a:avLst/>
          </a:prstGeom>
          <a:solidFill>
            <a:srgbClr val="6A8094">
              <a:alpha val="31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Personal &amp; Non-Commercial works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sp>
        <p:nvSpPr>
          <p:cNvPr id="37" name="직사각형 36"/>
          <p:cNvSpPr/>
          <p:nvPr userDrawn="1"/>
        </p:nvSpPr>
        <p:spPr>
          <a:xfrm>
            <a:off x="6085840" y="4362450"/>
            <a:ext cx="6106160" cy="2495550"/>
          </a:xfrm>
          <a:prstGeom prst="rect">
            <a:avLst/>
          </a:prstGeom>
          <a:solidFill>
            <a:srgbClr val="6A809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Redistribution &amp; Resale</a:t>
            </a:r>
          </a:p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For Commercial works, You must be </a:t>
            </a:r>
            <a:b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</a:b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allowed. E-mail to jaywon1116@gmail.com 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grpSp>
        <p:nvGrpSpPr>
          <p:cNvPr id="38" name="그룹 37"/>
          <p:cNvGrpSpPr/>
          <p:nvPr userDrawn="1"/>
        </p:nvGrpSpPr>
        <p:grpSpPr>
          <a:xfrm>
            <a:off x="2479040" y="3960495"/>
            <a:ext cx="1127760" cy="845820"/>
            <a:chOff x="1584960" y="2659380"/>
            <a:chExt cx="891540" cy="891540"/>
          </a:xfrm>
        </p:grpSpPr>
        <p:sp>
          <p:nvSpPr>
            <p:cNvPr id="39" name="타원 38"/>
            <p:cNvSpPr/>
            <p:nvPr/>
          </p:nvSpPr>
          <p:spPr>
            <a:xfrm>
              <a:off x="1584960" y="2659380"/>
              <a:ext cx="891540" cy="891540"/>
            </a:xfrm>
            <a:prstGeom prst="ellipse">
              <a:avLst/>
            </a:prstGeom>
            <a:solidFill>
              <a:srgbClr val="6A809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40" name="타원 39"/>
            <p:cNvSpPr/>
            <p:nvPr/>
          </p:nvSpPr>
          <p:spPr>
            <a:xfrm>
              <a:off x="1845528" y="2919948"/>
              <a:ext cx="370404" cy="370404"/>
            </a:xfrm>
            <a:prstGeom prst="ellipse">
              <a:avLst/>
            </a:prstGeom>
            <a:noFill/>
            <a:ln w="952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41" name="타원 40"/>
          <p:cNvSpPr/>
          <p:nvPr userDrawn="1"/>
        </p:nvSpPr>
        <p:spPr>
          <a:xfrm>
            <a:off x="8575040" y="3960495"/>
            <a:ext cx="1127760" cy="845820"/>
          </a:xfrm>
          <a:prstGeom prst="ellipse">
            <a:avLst/>
          </a:prstGeom>
          <a:solidFill>
            <a:srgbClr val="D1D8D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2" name="십자형 41"/>
          <p:cNvSpPr/>
          <p:nvPr userDrawn="1"/>
        </p:nvSpPr>
        <p:spPr>
          <a:xfrm rot="2700000">
            <a:off x="8919211" y="4090461"/>
            <a:ext cx="439420" cy="585891"/>
          </a:xfrm>
          <a:prstGeom prst="plus">
            <a:avLst>
              <a:gd name="adj" fmla="val 39456"/>
            </a:avLst>
          </a:prstGeom>
          <a:solidFill>
            <a:srgbClr val="6A8094"/>
          </a:solidFill>
          <a:ln w="952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3" name="TextBox 42"/>
          <p:cNvSpPr txBox="1"/>
          <p:nvPr userDrawn="1"/>
        </p:nvSpPr>
        <p:spPr>
          <a:xfrm>
            <a:off x="158728" y="254840"/>
            <a:ext cx="7377433" cy="83099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266700" marR="0" lvl="0" indent="-26670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How you can use</a:t>
            </a:r>
          </a:p>
        </p:txBody>
      </p:sp>
      <p:sp>
        <p:nvSpPr>
          <p:cNvPr id="44" name="직사각형 43">
            <a:hlinkClick r:id="rId2"/>
          </p:cNvPr>
          <p:cNvSpPr/>
          <p:nvPr userDrawn="1"/>
        </p:nvSpPr>
        <p:spPr>
          <a:xfrm>
            <a:off x="165785" y="1248404"/>
            <a:ext cx="3111408" cy="169277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1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  <a:hlinkClick r:id="rId3"/>
              </a:rPr>
              <a:t>https://powerpoint-free.blogspot.com/</a:t>
            </a: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5" name="직사각형 44"/>
          <p:cNvSpPr/>
          <p:nvPr userDrawn="1"/>
        </p:nvSpPr>
        <p:spPr>
          <a:xfrm>
            <a:off x="0" y="0"/>
            <a:ext cx="12192000" cy="72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540051347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45961192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5675346" y="6492876"/>
            <a:ext cx="84130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>
              <a:defRPr lang="ko-KR" altLang="en-US" sz="1200" smtClean="0">
                <a:solidFill>
                  <a:schemeClr val="bg1">
                    <a:lumMod val="50000"/>
                  </a:schemeClr>
                </a:solidFill>
                <a:latin typeface="Bahnschrift SemiCondensed" panose="020B0502040204020203" pitchFamily="34" charset="0"/>
              </a:defRPr>
            </a:lvl1pPr>
          </a:lstStyle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en-US" altLang="ko-KR" sz="1200" b="0" i="0" u="none" strike="noStrike" kern="1200" cap="none" spc="0" normalizeH="0" baseline="0" noProof="0" smtClean="0">
                <a:ln>
                  <a:noFill/>
                </a:ln>
                <a:solidFill>
                  <a:prstClr val="white">
                    <a:lumMod val="50000"/>
                  </a:prstClr>
                </a:solidFill>
                <a:effectLst/>
                <a:uLnTx/>
                <a:uFillTx/>
                <a:latin typeface="Bahnschrift SemiCondensed" panose="020B0502040204020203" pitchFamily="34" charset="0"/>
                <a:ea typeface="맑은 고딕"/>
                <a:cs typeface="+mn-cs"/>
              </a:rPr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altLang="ko-KR" sz="1200" b="0" i="0" u="none" strike="noStrike" kern="1200" cap="none" spc="0" normalizeH="0" baseline="0" noProof="0">
              <a:ln>
                <a:noFill/>
              </a:ln>
              <a:solidFill>
                <a:prstClr val="white">
                  <a:lumMod val="50000"/>
                </a:prstClr>
              </a:solidFill>
              <a:effectLst/>
              <a:uLnTx/>
              <a:uFillTx/>
              <a:latin typeface="Bahnschrift SemiCondensed" panose="020B0502040204020203" pitchFamily="34" charset="0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76493304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137686232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sert for Pictu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4">
            <a:extLst>
              <a:ext uri="{FF2B5EF4-FFF2-40B4-BE49-F238E27FC236}">
                <a16:creationId xmlns:a16="http://schemas.microsoft.com/office/drawing/2014/main" id="{DFF5F7BD-D86D-49C1-9E78-8F7E377B2411}"/>
              </a:ext>
            </a:extLst>
          </p:cNvPr>
          <p:cNvSpPr>
            <a:spLocks noGrp="1"/>
          </p:cNvSpPr>
          <p:nvPr>
            <p:ph type="pic" sz="quarter" idx="11"/>
          </p:nvPr>
        </p:nvSpPr>
        <p:spPr>
          <a:xfrm>
            <a:off x="565515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6" name="Picture Placeholder 4">
            <a:extLst>
              <a:ext uri="{FF2B5EF4-FFF2-40B4-BE49-F238E27FC236}">
                <a16:creationId xmlns:a16="http://schemas.microsoft.com/office/drawing/2014/main" id="{432AB3B8-407E-46A7-8B41-578ABBFA686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278822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7" name="Picture Placeholder 4">
            <a:extLst>
              <a:ext uri="{FF2B5EF4-FFF2-40B4-BE49-F238E27FC236}">
                <a16:creationId xmlns:a16="http://schemas.microsoft.com/office/drawing/2014/main" id="{DA56F8DE-5904-4FBC-B1A8-19921E0DB838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5010944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8" name="Picture Placeholder 4">
            <a:extLst>
              <a:ext uri="{FF2B5EF4-FFF2-40B4-BE49-F238E27FC236}">
                <a16:creationId xmlns:a16="http://schemas.microsoft.com/office/drawing/2014/main" id="{17EAFDBA-46DE-4090-85AE-3DEB413CAB04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23365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9" name="Picture Placeholder 4">
            <a:extLst>
              <a:ext uri="{FF2B5EF4-FFF2-40B4-BE49-F238E27FC236}">
                <a16:creationId xmlns:a16="http://schemas.microsoft.com/office/drawing/2014/main" id="{DD63AAA3-72FB-4B81-926A-6746C4935281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9456373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0" name="Picture Placeholder 4">
            <a:extLst>
              <a:ext uri="{FF2B5EF4-FFF2-40B4-BE49-F238E27FC236}">
                <a16:creationId xmlns:a16="http://schemas.microsoft.com/office/drawing/2014/main" id="{9D692FD7-1EA6-40C7-9404-B5BB709A8EAC}"/>
              </a:ext>
            </a:extLst>
          </p:cNvPr>
          <p:cNvSpPr>
            <a:spLocks noGrp="1"/>
          </p:cNvSpPr>
          <p:nvPr>
            <p:ph type="pic" sz="quarter" idx="16"/>
          </p:nvPr>
        </p:nvSpPr>
        <p:spPr>
          <a:xfrm>
            <a:off x="565515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1" name="Picture Placeholder 4">
            <a:extLst>
              <a:ext uri="{FF2B5EF4-FFF2-40B4-BE49-F238E27FC236}">
                <a16:creationId xmlns:a16="http://schemas.microsoft.com/office/drawing/2014/main" id="{448D18D7-91F1-4E63-95B1-19F3D1F7951D}"/>
              </a:ext>
            </a:extLst>
          </p:cNvPr>
          <p:cNvSpPr>
            <a:spLocks noGrp="1"/>
          </p:cNvSpPr>
          <p:nvPr>
            <p:ph type="pic" sz="quarter" idx="17"/>
          </p:nvPr>
        </p:nvSpPr>
        <p:spPr>
          <a:xfrm>
            <a:off x="278822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2" name="Picture Placeholder 4">
            <a:extLst>
              <a:ext uri="{FF2B5EF4-FFF2-40B4-BE49-F238E27FC236}">
                <a16:creationId xmlns:a16="http://schemas.microsoft.com/office/drawing/2014/main" id="{AF957841-0FB3-4B59-80C5-3DEA67D22DEE}"/>
              </a:ext>
            </a:extLst>
          </p:cNvPr>
          <p:cNvSpPr>
            <a:spLocks noGrp="1"/>
          </p:cNvSpPr>
          <p:nvPr>
            <p:ph type="pic" sz="quarter" idx="18"/>
          </p:nvPr>
        </p:nvSpPr>
        <p:spPr>
          <a:xfrm>
            <a:off x="5010944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3" name="Picture Placeholder 4">
            <a:extLst>
              <a:ext uri="{FF2B5EF4-FFF2-40B4-BE49-F238E27FC236}">
                <a16:creationId xmlns:a16="http://schemas.microsoft.com/office/drawing/2014/main" id="{F2538425-D921-44FD-B8C9-0A675E048F00}"/>
              </a:ext>
            </a:extLst>
          </p:cNvPr>
          <p:cNvSpPr>
            <a:spLocks noGrp="1"/>
          </p:cNvSpPr>
          <p:nvPr>
            <p:ph type="pic" sz="quarter" idx="19"/>
          </p:nvPr>
        </p:nvSpPr>
        <p:spPr>
          <a:xfrm>
            <a:off x="723365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4" name="Picture Placeholder 4">
            <a:extLst>
              <a:ext uri="{FF2B5EF4-FFF2-40B4-BE49-F238E27FC236}">
                <a16:creationId xmlns:a16="http://schemas.microsoft.com/office/drawing/2014/main" id="{9D01D4D1-345A-4465-841C-5DF5E2265425}"/>
              </a:ext>
            </a:extLst>
          </p:cNvPr>
          <p:cNvSpPr>
            <a:spLocks noGrp="1"/>
          </p:cNvSpPr>
          <p:nvPr>
            <p:ph type="pic" sz="quarter" idx="20"/>
          </p:nvPr>
        </p:nvSpPr>
        <p:spPr>
          <a:xfrm>
            <a:off x="9456373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5" name="Picture Placeholder 4">
            <a:extLst>
              <a:ext uri="{FF2B5EF4-FFF2-40B4-BE49-F238E27FC236}">
                <a16:creationId xmlns:a16="http://schemas.microsoft.com/office/drawing/2014/main" id="{00697502-2074-4BDD-8998-42D56FD3787B}"/>
              </a:ext>
            </a:extLst>
          </p:cNvPr>
          <p:cNvSpPr>
            <a:spLocks noGrp="1"/>
          </p:cNvSpPr>
          <p:nvPr>
            <p:ph type="pic" sz="quarter" idx="21"/>
          </p:nvPr>
        </p:nvSpPr>
        <p:spPr>
          <a:xfrm>
            <a:off x="565515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6" name="Picture Placeholder 4">
            <a:extLst>
              <a:ext uri="{FF2B5EF4-FFF2-40B4-BE49-F238E27FC236}">
                <a16:creationId xmlns:a16="http://schemas.microsoft.com/office/drawing/2014/main" id="{2768840C-7B9F-4A0C-8BD4-61D7BB211FCA}"/>
              </a:ext>
            </a:extLst>
          </p:cNvPr>
          <p:cNvSpPr>
            <a:spLocks noGrp="1"/>
          </p:cNvSpPr>
          <p:nvPr>
            <p:ph type="pic" sz="quarter" idx="22"/>
          </p:nvPr>
        </p:nvSpPr>
        <p:spPr>
          <a:xfrm>
            <a:off x="278822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7" name="Picture Placeholder 4">
            <a:extLst>
              <a:ext uri="{FF2B5EF4-FFF2-40B4-BE49-F238E27FC236}">
                <a16:creationId xmlns:a16="http://schemas.microsoft.com/office/drawing/2014/main" id="{24ECCEFB-B38D-4ADB-8B32-DE47D918ECE6}"/>
              </a:ext>
            </a:extLst>
          </p:cNvPr>
          <p:cNvSpPr>
            <a:spLocks noGrp="1"/>
          </p:cNvSpPr>
          <p:nvPr>
            <p:ph type="pic" sz="quarter" idx="23"/>
          </p:nvPr>
        </p:nvSpPr>
        <p:spPr>
          <a:xfrm>
            <a:off x="5010944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8" name="Picture Placeholder 4">
            <a:extLst>
              <a:ext uri="{FF2B5EF4-FFF2-40B4-BE49-F238E27FC236}">
                <a16:creationId xmlns:a16="http://schemas.microsoft.com/office/drawing/2014/main" id="{A33E7502-9CC1-404E-93E0-84CF5C7F3AD8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723365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9" name="Picture Placeholder 4">
            <a:extLst>
              <a:ext uri="{FF2B5EF4-FFF2-40B4-BE49-F238E27FC236}">
                <a16:creationId xmlns:a16="http://schemas.microsoft.com/office/drawing/2014/main" id="{8C95C1AF-94B3-408B-8786-270C44CF9F83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9456373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0" name="Picture Placeholder 4">
            <a:extLst>
              <a:ext uri="{FF2B5EF4-FFF2-40B4-BE49-F238E27FC236}">
                <a16:creationId xmlns:a16="http://schemas.microsoft.com/office/drawing/2014/main" id="{6285CFD3-9C6A-472D-9EE9-4A73C45B72D4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565515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1" name="Picture Placeholder 4">
            <a:extLst>
              <a:ext uri="{FF2B5EF4-FFF2-40B4-BE49-F238E27FC236}">
                <a16:creationId xmlns:a16="http://schemas.microsoft.com/office/drawing/2014/main" id="{739D75EF-86D3-4E4D-97CE-7C99F586F81C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278822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2" name="Picture Placeholder 4">
            <a:extLst>
              <a:ext uri="{FF2B5EF4-FFF2-40B4-BE49-F238E27FC236}">
                <a16:creationId xmlns:a16="http://schemas.microsoft.com/office/drawing/2014/main" id="{90E19E06-3959-4860-BD51-54367B281BBC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5010944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3" name="Picture Placeholder 4">
            <a:extLst>
              <a:ext uri="{FF2B5EF4-FFF2-40B4-BE49-F238E27FC236}">
                <a16:creationId xmlns:a16="http://schemas.microsoft.com/office/drawing/2014/main" id="{1D57807E-8249-4914-9278-607DA42ECEBE}"/>
              </a:ext>
            </a:extLst>
          </p:cNvPr>
          <p:cNvSpPr>
            <a:spLocks noGrp="1"/>
          </p:cNvSpPr>
          <p:nvPr>
            <p:ph type="pic" sz="quarter" idx="29"/>
          </p:nvPr>
        </p:nvSpPr>
        <p:spPr>
          <a:xfrm>
            <a:off x="723365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4" name="Picture Placeholder 4">
            <a:extLst>
              <a:ext uri="{FF2B5EF4-FFF2-40B4-BE49-F238E27FC236}">
                <a16:creationId xmlns:a16="http://schemas.microsoft.com/office/drawing/2014/main" id="{CC97E5B4-BD89-44C2-9629-22BE86D85B39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9456373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2030317387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86798006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5951433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968228106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White &amp;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C365D61-25B7-4D09-B83D-76A28CDEDBF0}"/>
              </a:ext>
            </a:extLst>
          </p:cNvPr>
          <p:cNvSpPr/>
          <p:nvPr userDrawn="1"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41753676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 Nav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직사각형 1">
            <a:extLst>
              <a:ext uri="{FF2B5EF4-FFF2-40B4-BE49-F238E27FC236}">
                <a16:creationId xmlns:a16="http://schemas.microsoft.com/office/drawing/2014/main" id="{3C46467A-A779-40FF-BA29-A1414C15C34A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0">
                <a:srgbClr val="4F5461"/>
              </a:gs>
              <a:gs pos="46000">
                <a:srgbClr val="636875"/>
              </a:gs>
              <a:gs pos="100000">
                <a:srgbClr val="454C59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400304543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D6CF763-E0B7-4C0C-9678-0D8B227B0E37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6EC9FFA-8FDA-455B-9E79-756E631FBA33}"/>
              </a:ext>
            </a:extLst>
          </p:cNvPr>
          <p:cNvSpPr/>
          <p:nvPr userDrawn="1"/>
        </p:nvSpPr>
        <p:spPr>
          <a:xfrm>
            <a:off x="6096000" y="0"/>
            <a:ext cx="6096000" cy="6858000"/>
          </a:xfrm>
          <a:prstGeom prst="rect">
            <a:avLst/>
          </a:prstGeom>
          <a:solidFill>
            <a:schemeClr val="tx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1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58789788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icen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직사각형 18"/>
          <p:cNvSpPr/>
          <p:nvPr userDrawn="1"/>
        </p:nvSpPr>
        <p:spPr>
          <a:xfrm>
            <a:off x="0" y="4362450"/>
            <a:ext cx="6085840" cy="2495550"/>
          </a:xfrm>
          <a:prstGeom prst="rect">
            <a:avLst/>
          </a:prstGeom>
          <a:solidFill>
            <a:srgbClr val="6A8094">
              <a:alpha val="31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Personal &amp; Non-Commercial works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sp>
        <p:nvSpPr>
          <p:cNvPr id="37" name="직사각형 36"/>
          <p:cNvSpPr/>
          <p:nvPr userDrawn="1"/>
        </p:nvSpPr>
        <p:spPr>
          <a:xfrm>
            <a:off x="6085840" y="4362450"/>
            <a:ext cx="6106160" cy="2495550"/>
          </a:xfrm>
          <a:prstGeom prst="rect">
            <a:avLst/>
          </a:prstGeom>
          <a:solidFill>
            <a:srgbClr val="6A809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Redistribution &amp; Resale</a:t>
            </a:r>
          </a:p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For Commercial works, You must be </a:t>
            </a:r>
            <a:b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</a:b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allowed. E-mail to jaywon1116@gmail.com or Comment on the Post.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grpSp>
        <p:nvGrpSpPr>
          <p:cNvPr id="38" name="그룹 37"/>
          <p:cNvGrpSpPr/>
          <p:nvPr userDrawn="1"/>
        </p:nvGrpSpPr>
        <p:grpSpPr>
          <a:xfrm>
            <a:off x="2479040" y="3960495"/>
            <a:ext cx="1127760" cy="845820"/>
            <a:chOff x="1584960" y="2659380"/>
            <a:chExt cx="891540" cy="891540"/>
          </a:xfrm>
        </p:grpSpPr>
        <p:sp>
          <p:nvSpPr>
            <p:cNvPr id="39" name="타원 38"/>
            <p:cNvSpPr/>
            <p:nvPr/>
          </p:nvSpPr>
          <p:spPr>
            <a:xfrm>
              <a:off x="1584960" y="2659380"/>
              <a:ext cx="891540" cy="891540"/>
            </a:xfrm>
            <a:prstGeom prst="ellipse">
              <a:avLst/>
            </a:prstGeom>
            <a:solidFill>
              <a:srgbClr val="6A809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40" name="타원 39"/>
            <p:cNvSpPr/>
            <p:nvPr/>
          </p:nvSpPr>
          <p:spPr>
            <a:xfrm>
              <a:off x="1845528" y="2919948"/>
              <a:ext cx="370404" cy="370404"/>
            </a:xfrm>
            <a:prstGeom prst="ellipse">
              <a:avLst/>
            </a:prstGeom>
            <a:noFill/>
            <a:ln w="952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41" name="타원 40"/>
          <p:cNvSpPr/>
          <p:nvPr userDrawn="1"/>
        </p:nvSpPr>
        <p:spPr>
          <a:xfrm>
            <a:off x="8575040" y="3960495"/>
            <a:ext cx="1127760" cy="845820"/>
          </a:xfrm>
          <a:prstGeom prst="ellipse">
            <a:avLst/>
          </a:prstGeom>
          <a:solidFill>
            <a:srgbClr val="D1D8D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2" name="십자형 41"/>
          <p:cNvSpPr/>
          <p:nvPr userDrawn="1"/>
        </p:nvSpPr>
        <p:spPr>
          <a:xfrm rot="2700000">
            <a:off x="8919211" y="4090461"/>
            <a:ext cx="439420" cy="585891"/>
          </a:xfrm>
          <a:prstGeom prst="plus">
            <a:avLst>
              <a:gd name="adj" fmla="val 39456"/>
            </a:avLst>
          </a:prstGeom>
          <a:solidFill>
            <a:srgbClr val="6A8094"/>
          </a:solidFill>
          <a:ln w="952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3" name="TextBox 42"/>
          <p:cNvSpPr txBox="1"/>
          <p:nvPr userDrawn="1"/>
        </p:nvSpPr>
        <p:spPr>
          <a:xfrm>
            <a:off x="158728" y="254840"/>
            <a:ext cx="7377433" cy="83099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266700" marR="0" lvl="0" indent="-26670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How you can use</a:t>
            </a:r>
          </a:p>
        </p:txBody>
      </p:sp>
      <p:sp>
        <p:nvSpPr>
          <p:cNvPr id="44" name="직사각형 43">
            <a:hlinkClick r:id="rId2"/>
          </p:cNvPr>
          <p:cNvSpPr/>
          <p:nvPr userDrawn="1"/>
        </p:nvSpPr>
        <p:spPr>
          <a:xfrm>
            <a:off x="165785" y="1248404"/>
            <a:ext cx="3111408" cy="169277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1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  <a:hlinkClick r:id="rId3"/>
              </a:rPr>
              <a:t>https://powerpoint-free.blogspot.com/</a:t>
            </a: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5" name="직사각형 44"/>
          <p:cNvSpPr/>
          <p:nvPr userDrawn="1"/>
        </p:nvSpPr>
        <p:spPr>
          <a:xfrm>
            <a:off x="0" y="0"/>
            <a:ext cx="12192000" cy="72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84608913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obj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AC56E57-EA98-4D51-B0B0-B9EF730FD356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14B10BE-ECB4-4233-A998-DF64EDB010E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71026804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Title Slide">
    <p:bg>
      <p:bgPr>
        <a:gradFill>
          <a:gsLst>
            <a:gs pos="81000">
              <a:srgbClr val="EEEEEE"/>
            </a:gs>
            <a:gs pos="0">
              <a:schemeClr val="bg1"/>
            </a:gs>
            <a:gs pos="100000">
              <a:schemeClr val="bg1">
                <a:lumMod val="85000"/>
              </a:schemeClr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 hasCustomPrompt="1"/>
          </p:nvPr>
        </p:nvSpPr>
        <p:spPr>
          <a:xfrm>
            <a:off x="627612" y="3043730"/>
            <a:ext cx="5472863" cy="2137870"/>
          </a:xfrm>
        </p:spPr>
        <p:txBody>
          <a:bodyPr lIns="0" tIns="0" rIns="0" bIns="0" anchor="b" anchorCtr="0">
            <a:noAutofit/>
          </a:bodyPr>
          <a:lstStyle>
            <a:lvl1pPr algn="l">
              <a:defRPr lang="en-US" sz="4000" b="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Arial" panose="020B0604020202020204" pitchFamily="34" charset="0"/>
                <a:ea typeface="+mj-ea"/>
                <a:cs typeface="Arial" panose="020B0604020202020204" pitchFamily="34" charset="0"/>
              </a:defRPr>
            </a:lvl1pPr>
          </a:lstStyle>
          <a:p>
            <a:r>
              <a:rPr lang="en-US" dirty="0"/>
              <a:t>CLICK TO EDIT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78D6DB-6798-42D2-B9AD-FC6F1C72FC30}" type="datetimeFigureOut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8/2024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5EDE275-BE14-4364-AEA2-5F5667C0FD49}" type="slidenum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7" name="Content Placeholder 6"/>
          <p:cNvSpPr>
            <a:spLocks noGrp="1"/>
          </p:cNvSpPr>
          <p:nvPr>
            <p:ph sz="quarter" idx="13"/>
          </p:nvPr>
        </p:nvSpPr>
        <p:spPr>
          <a:xfrm>
            <a:off x="614297" y="5357596"/>
            <a:ext cx="5481703" cy="738404"/>
          </a:xfrm>
        </p:spPr>
        <p:txBody>
          <a:bodyPr lIns="0" rIns="0">
            <a:normAutofit/>
          </a:bodyPr>
          <a:lstStyle>
            <a:lvl1pPr marL="0" indent="0">
              <a:buFontTx/>
              <a:buNone/>
              <a:defRPr sz="18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1408495533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bg>
      <p:bgPr>
        <a:gradFill>
          <a:gsLst>
            <a:gs pos="81000">
              <a:srgbClr val="EEEEEE"/>
            </a:gs>
            <a:gs pos="0">
              <a:schemeClr val="bg1"/>
            </a:gs>
            <a:gs pos="100000">
              <a:schemeClr val="bg1">
                <a:lumMod val="85000"/>
              </a:schemeClr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5404F2-BE9A-4460-8815-8F645183555F}" type="datetimeFigureOut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8/2024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6E69268-9C8B-4EBF-A9EE-DC5DC2D48DC3}" type="slidenum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148152210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bg>
      <p:bgPr>
        <a:gradFill>
          <a:gsLst>
            <a:gs pos="81000">
              <a:srgbClr val="EEEEEE"/>
            </a:gs>
            <a:gs pos="0">
              <a:schemeClr val="bg1"/>
            </a:gs>
            <a:gs pos="100000">
              <a:schemeClr val="bg1">
                <a:lumMod val="85000"/>
              </a:schemeClr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09600" y="1600202"/>
            <a:ext cx="5384800" cy="4525963"/>
          </a:xfrm>
        </p:spPr>
        <p:txBody>
          <a:bodyPr>
            <a:normAutofit/>
          </a:bodyPr>
          <a:lstStyle>
            <a:lvl1pPr>
              <a:defRPr sz="18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97600" y="1600202"/>
            <a:ext cx="5384800" cy="4525963"/>
          </a:xfrm>
        </p:spPr>
        <p:txBody>
          <a:bodyPr>
            <a:normAutofit/>
          </a:bodyPr>
          <a:lstStyle>
            <a:lvl1pPr>
              <a:defRPr sz="18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5404F2-BE9A-4460-8815-8F645183555F}" type="datetimeFigureOut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8/2024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6E69268-9C8B-4EBF-A9EE-DC5DC2D48DC3}" type="slidenum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71281552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bg>
      <p:bgPr>
        <a:gradFill>
          <a:gsLst>
            <a:gs pos="81000">
              <a:srgbClr val="EEEEEE"/>
            </a:gs>
            <a:gs pos="0">
              <a:schemeClr val="bg1"/>
            </a:gs>
            <a:gs pos="100000">
              <a:schemeClr val="bg1">
                <a:lumMod val="85000"/>
              </a:schemeClr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>
            <a:lvl1pPr>
              <a:defRPr sz="3600"/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5404F2-BE9A-4460-8815-8F645183555F}" type="datetimeFigureOut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8/2024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6E69268-9C8B-4EBF-A9EE-DC5DC2D48DC3}" type="slidenum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06671631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bg>
      <p:bgPr>
        <a:gradFill>
          <a:gsLst>
            <a:gs pos="81000">
              <a:srgbClr val="EEEEEE"/>
            </a:gs>
            <a:gs pos="0">
              <a:schemeClr val="bg1"/>
            </a:gs>
            <a:gs pos="100000">
              <a:schemeClr val="bg1">
                <a:lumMod val="85000"/>
              </a:schemeClr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5404F2-BE9A-4460-8815-8F645183555F}" type="datetimeFigureOut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8/2024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6E69268-9C8B-4EBF-A9EE-DC5DC2D48DC3}" type="slidenum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2349832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009361580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slidemodel2">
    <p:bg>
      <p:bgPr>
        <a:gradFill flip="none" rotWithShape="1">
          <a:gsLst>
            <a:gs pos="55000">
              <a:srgbClr val="1181AE"/>
            </a:gs>
            <a:gs pos="0">
              <a:srgbClr val="1181AE"/>
            </a:gs>
            <a:gs pos="100000">
              <a:srgbClr val="095474"/>
            </a:gs>
          </a:gsLst>
          <a:path path="circle">
            <a:fillToRect l="50000" t="50000" r="50000" b="50000"/>
          </a:path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3218672" y="2870636"/>
            <a:ext cx="5932223" cy="711081"/>
          </a:xfrm>
        </p:spPr>
        <p:txBody>
          <a:bodyPr>
            <a:normAutofit/>
          </a:bodyPr>
          <a:lstStyle>
            <a:lvl1pPr algn="ctr">
              <a:defRPr sz="3599" b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ea typeface="Open Sans" pitchFamily="34" charset="0"/>
                <a:cs typeface="Open Sans" pitchFamily="34" charset="0"/>
              </a:defRPr>
            </a:lvl1pPr>
          </a:lstStyle>
          <a:p>
            <a:r>
              <a:rPr lang="en-US"/>
              <a:t>SlideModel.com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5404F2-BE9A-4460-8815-8F645183555F}" type="datetimeFigureOut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8/2024</a:t>
            </a:fld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6E69268-9C8B-4EBF-A9EE-DC5DC2D48DC3}" type="slidenum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843670421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B48ED8A-22EE-44A1-AF5A-A303D68E3208}" type="datetimeFigureOut">
              <a:rPr kumimoji="0" lang="tr-TR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D3B2BC3-1DA7-42D1-9C5B-E17325C97732}" type="slidenum">
              <a:rPr kumimoji="0" lang="tr-TR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87416073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  <p:custDataLst>
              <p:tags r:id="rId1"/>
            </p:custDataLst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  <p:custDataLst>
              <p:tags r:id="rId2"/>
            </p:custDataLst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  <p:custDataLst>
              <p:tags r:id="rId3"/>
            </p:custDataLst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D50D8C-3E41-44C9-BA18-A20060AA20FB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  <p:custDataLst>
              <p:tags r:id="rId4"/>
            </p:custDataLst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  <p:custDataLst>
              <p:tags r:id="rId5"/>
            </p:custDataLst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72056690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  <p:custDataLst>
              <p:tags r:id="rId2"/>
            </p:custDataLst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  <p:custDataLst>
              <p:tags r:id="rId3"/>
            </p:custDataLst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CF948AA-612C-4F2E-9A66-77DB16BE8139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  <p:custDataLst>
              <p:tags r:id="rId4"/>
            </p:custDataLst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  <p:custDataLst>
              <p:tags r:id="rId5"/>
            </p:custDataLst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72025789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F4A8BD9-438B-44DE-8EDC-A9F4A0A967D3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04945917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143A13D-B456-404E-9B66-21CC51EE58A6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03940159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34CC47F-E9AF-4A7E-A5C7-D6903DD8CD22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7256696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6D373CD-6832-4357-A847-47618D0A0434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48075542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EB437D2-75AF-4256-AA78-054443638503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08215411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C957A4E-F2D9-4FE9-B209-EED24005ECD8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6287041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994826023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 dirty="0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017226-FF6A-47E9-BDB2-601AEDC856C8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64129977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0845C8-15D0-4978-82C9-5AC1238D681B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43604991"/>
      </p:ext>
    </p:extLst>
  </p:cSld>
  <p:clrMapOvr>
    <a:masterClrMapping/>
  </p:clrMapOvr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B6D66F7-0D76-456D-93F3-6F86BF040333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43139486"/>
      </p:ext>
    </p:extLst>
  </p:cSld>
  <p:clrMapOvr>
    <a:masterClrMapping/>
  </p:clrMapOvr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9">
            <a:extLst>
              <a:ext uri="{FF2B5EF4-FFF2-40B4-BE49-F238E27FC236}">
                <a16:creationId xmlns:a16="http://schemas.microsoft.com/office/drawing/2014/main" id="{23DE32A5-6181-4C51-AD5C-3F1A448478A1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323529" y="339509"/>
            <a:ext cx="11573197" cy="724247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540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</p:spTree>
    <p:extLst>
      <p:ext uri="{BB962C8B-B14F-4D97-AF65-F5344CB8AC3E}">
        <p14:creationId xmlns:p14="http://schemas.microsoft.com/office/powerpoint/2010/main" val="3863499192"/>
      </p:ext>
    </p:extLst>
  </p:cSld>
  <p:clrMapOvr>
    <a:masterClrMapping/>
  </p:clrMapOvr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8057399"/>
      </p:ext>
    </p:extLst>
  </p:cSld>
  <p:clrMapOvr>
    <a:masterClrMapping/>
  </p:clrMapOvr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74066505"/>
      </p:ext>
    </p:extLst>
  </p:cSld>
  <p:clrMapOvr>
    <a:masterClrMapping/>
  </p:clrMapOvr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36549024"/>
      </p:ext>
    </p:extLst>
  </p:cSld>
  <p:clrMapOvr>
    <a:masterClrMapping/>
  </p:clrMapOvr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78048525"/>
      </p:ext>
    </p:extLst>
  </p:cSld>
  <p:clrMapOvr>
    <a:masterClrMapping/>
  </p:clrMapOvr>
</p:sldLayout>
</file>

<file path=ppt/slideLayouts/slideLayout5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839531082"/>
      </p:ext>
    </p:extLst>
  </p:cSld>
  <p:clrMapOvr>
    <a:masterClrMapping/>
  </p:clrMapOvr>
</p:sldLayout>
</file>

<file path=ppt/slideLayouts/slideLayout5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8183194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025865557"/>
      </p:ext>
    </p:extLst>
  </p:cSld>
  <p:clrMapOvr>
    <a:masterClrMapping/>
  </p:clrMapOvr>
</p:sldLayout>
</file>

<file path=ppt/slideLayouts/slideLayout6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51719620"/>
      </p:ext>
    </p:extLst>
  </p:cSld>
  <p:clrMapOvr>
    <a:masterClrMapping/>
  </p:clrMapOvr>
</p:sldLayout>
</file>

<file path=ppt/slideLayouts/slideLayout6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205108"/>
      </p:ext>
    </p:extLst>
  </p:cSld>
  <p:clrMapOvr>
    <a:masterClrMapping/>
  </p:clrMapOvr>
</p:sldLayout>
</file>

<file path=ppt/slideLayouts/slideLayout6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 dirty="0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118690157"/>
      </p:ext>
    </p:extLst>
  </p:cSld>
  <p:clrMapOvr>
    <a:masterClrMapping/>
  </p:clrMapOvr>
</p:sldLayout>
</file>

<file path=ppt/slideLayouts/slideLayout6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9135300"/>
      </p:ext>
    </p:extLst>
  </p:cSld>
  <p:clrMapOvr>
    <a:masterClrMapping/>
  </p:clrMapOvr>
</p:sldLayout>
</file>

<file path=ppt/slideLayouts/slideLayout6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76392501"/>
      </p:ext>
    </p:extLst>
  </p:cSld>
  <p:clrMapOvr>
    <a:masterClrMapping/>
  </p:clrMapOvr>
</p:sldLayout>
</file>

<file path=ppt/slideLayouts/slideLayout6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62225200"/>
      </p:ext>
    </p:extLst>
  </p:cSld>
  <p:clrMapOvr>
    <a:masterClrMapping/>
  </p:clrMapOvr>
</p:sldLayout>
</file>

<file path=ppt/slideLayouts/slideLayout6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534482528"/>
      </p:ext>
    </p:extLst>
  </p:cSld>
  <p:clrMapOvr>
    <a:masterClrMapping/>
  </p:clrMapOvr>
</p:sldLayout>
</file>

<file path=ppt/slideLayouts/slideLayout6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71276961"/>
      </p:ext>
    </p:extLst>
  </p:cSld>
  <p:clrMapOvr>
    <a:masterClrMapping/>
  </p:clrMapOvr>
</p:sldLayout>
</file>

<file path=ppt/slideLayouts/slideLayout6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4467953"/>
      </p:ext>
    </p:extLst>
  </p:cSld>
  <p:clrMapOvr>
    <a:masterClrMapping/>
  </p:clrMapOvr>
</p:sldLayout>
</file>

<file path=ppt/slideLayouts/slideLayout6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81414116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941773791"/>
      </p:ext>
    </p:extLst>
  </p:cSld>
  <p:clrMapOvr>
    <a:masterClrMapping/>
  </p:clrMapOvr>
</p:sldLayout>
</file>

<file path=ppt/slideLayouts/slideLayout7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45717744"/>
      </p:ext>
    </p:extLst>
  </p:cSld>
  <p:clrMapOvr>
    <a:masterClrMapping/>
  </p:clrMapOvr>
</p:sldLayout>
</file>

<file path=ppt/slideLayouts/slideLayout7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33827325"/>
      </p:ext>
    </p:extLst>
  </p:cSld>
  <p:clrMapOvr>
    <a:masterClrMapping/>
  </p:clrMapOvr>
</p:sldLayout>
</file>

<file path=ppt/slideLayouts/slideLayout72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50677356"/>
      </p:ext>
    </p:extLst>
  </p:cSld>
  <p:clrMapOvr>
    <a:masterClrMapping/>
  </p:clrMapOvr>
</p:sldLayout>
</file>

<file path=ppt/slideLayouts/slideLayout7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 dirty="0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89130022"/>
      </p:ext>
    </p:extLst>
  </p:cSld>
  <p:clrMapOvr>
    <a:masterClrMapping/>
  </p:clrMapOvr>
</p:sldLayout>
</file>

<file path=ppt/slideLayouts/slideLayout7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02556322"/>
      </p:ext>
    </p:extLst>
  </p:cSld>
  <p:clrMapOvr>
    <a:masterClrMapping/>
  </p:clrMapOvr>
</p:sldLayout>
</file>

<file path=ppt/slideLayouts/slideLayout7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78082141"/>
      </p:ext>
    </p:extLst>
  </p:cSld>
  <p:clrMapOvr>
    <a:masterClrMapping/>
  </p:clrMapOvr>
</p:sldLayout>
</file>

<file path=ppt/slideLayouts/slideLayout76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9">
            <a:extLst>
              <a:ext uri="{FF2B5EF4-FFF2-40B4-BE49-F238E27FC236}">
                <a16:creationId xmlns:a16="http://schemas.microsoft.com/office/drawing/2014/main" id="{23DE32A5-6181-4C51-AD5C-3F1A448478A1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323529" y="339509"/>
            <a:ext cx="11573197" cy="724247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540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</p:spTree>
    <p:extLst>
      <p:ext uri="{BB962C8B-B14F-4D97-AF65-F5344CB8AC3E}">
        <p14:creationId xmlns:p14="http://schemas.microsoft.com/office/powerpoint/2010/main" val="508058162"/>
      </p:ext>
    </p:extLst>
  </p:cSld>
  <p:clrMapOvr>
    <a:masterClrMapping/>
  </p:clrMapOvr>
</p:sldLayout>
</file>

<file path=ppt/slideLayouts/slideLayout7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6BFABF29-82FE-38A3-58E4-CE8F7997E95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Alt Başlık 2">
            <a:extLst>
              <a:ext uri="{FF2B5EF4-FFF2-40B4-BE49-F238E27FC236}">
                <a16:creationId xmlns:a16="http://schemas.microsoft.com/office/drawing/2014/main" id="{C1EBEB97-2C58-D39E-3FC4-48FB916B1490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633776E9-6EF1-44AA-9E8C-6EC9C78FF41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7EFEB06F-B17A-8092-6EBD-178A29F370A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91592F27-E8D7-4CD3-BE60-0A305E4583B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0383383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78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93A3E5B-AAA4-0568-18CF-27E89FA2F61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8FF2449D-D8CE-053A-C792-F4A70BB46AA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B1F00615-4CFE-CB01-DC03-36B9038F97A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A9540FD3-4ECE-87E2-48C4-69F9627A863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BD04B2EF-3581-DC63-4989-73F00B3A80C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25842507"/>
      </p:ext>
    </p:extLst>
  </p:cSld>
  <p:clrMapOvr>
    <a:masterClrMapping/>
  </p:clrMapOvr>
</p:sldLayout>
</file>

<file path=ppt/slideLayouts/slideLayout79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 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FED99D0A-1D7A-E7A0-EA45-9894176B16E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A086D603-1099-14BA-A32E-4B0BF89D18E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F2E3D41-B9B9-10B8-E2DE-0818EAC06D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0DFC8FB2-FB0E-240B-4BB1-D166A405DC9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30C2A265-679A-DDCB-5423-07C99F6A63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2728481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52387102"/>
      </p:ext>
    </p:extLst>
  </p:cSld>
  <p:clrMapOvr>
    <a:masterClrMapping/>
  </p:clrMapOvr>
</p:sldLayout>
</file>

<file path=ppt/slideLayouts/slideLayout80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7E788B2-7961-E4C2-AD53-D8765623EAB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D83BD7-E036-0B81-4516-66D829CF412E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4DAD771F-871F-C0FF-38CF-72FA28FA917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C9AEA650-9F00-4ED7-57EB-843F0C27EC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77059666-AACA-381F-8399-12A9B606C7D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E0F92A53-25FC-F430-1880-AC865B6890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64365574"/>
      </p:ext>
    </p:extLst>
  </p:cSld>
  <p:clrMapOvr>
    <a:masterClrMapping/>
  </p:clrMapOvr>
</p:sldLayout>
</file>

<file path=ppt/slideLayouts/slideLayout81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5577A7F-70A0-D267-F788-A5D940F67FB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D7A45636-B0E7-E1CB-0A89-345DC040FF6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C2CD18E1-29DE-7B80-BB0E-C3BD044F3D1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>
            <a:extLst>
              <a:ext uri="{FF2B5EF4-FFF2-40B4-BE49-F238E27FC236}">
                <a16:creationId xmlns:a16="http://schemas.microsoft.com/office/drawing/2014/main" id="{2BD5BD68-C982-683D-A26A-8328A3973E4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6" name="İçerik Yer Tutucusu 5">
            <a:extLst>
              <a:ext uri="{FF2B5EF4-FFF2-40B4-BE49-F238E27FC236}">
                <a16:creationId xmlns:a16="http://schemas.microsoft.com/office/drawing/2014/main" id="{5CF4B1DF-F84A-37AF-2FBC-C410B2A76C62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>
            <a:extLst>
              <a:ext uri="{FF2B5EF4-FFF2-40B4-BE49-F238E27FC236}">
                <a16:creationId xmlns:a16="http://schemas.microsoft.com/office/drawing/2014/main" id="{9D5C0BEE-FF1B-B749-C511-2E6E5D51493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8" name="Alt Bilgi Yer Tutucusu 7">
            <a:extLst>
              <a:ext uri="{FF2B5EF4-FFF2-40B4-BE49-F238E27FC236}">
                <a16:creationId xmlns:a16="http://schemas.microsoft.com/office/drawing/2014/main" id="{E12878EB-FC64-76B5-941D-85F26F07BD3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9" name="Slayt Numarası Yer Tutucusu 8">
            <a:extLst>
              <a:ext uri="{FF2B5EF4-FFF2-40B4-BE49-F238E27FC236}">
                <a16:creationId xmlns:a16="http://schemas.microsoft.com/office/drawing/2014/main" id="{352EFDED-886B-C457-8100-12A8BD2F9AD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62410332"/>
      </p:ext>
    </p:extLst>
  </p:cSld>
  <p:clrMapOvr>
    <a:masterClrMapping/>
  </p:clrMapOvr>
</p:sldLayout>
</file>

<file path=ppt/slideLayouts/slideLayout8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AD8153D6-0ED0-2BC8-5D27-C5B585F0C7C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B90D60BA-EA9C-EA1E-DE9F-60B364DDBEF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FAF241F8-1EFC-B638-C746-B1B176BFF1F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83F4434F-62F1-7436-309B-A7096D4962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0325103"/>
      </p:ext>
    </p:extLst>
  </p:cSld>
  <p:clrMapOvr>
    <a:masterClrMapping/>
  </p:clrMapOvr>
</p:sldLayout>
</file>

<file path=ppt/slideLayouts/slideLayout8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>
            <a:extLst>
              <a:ext uri="{FF2B5EF4-FFF2-40B4-BE49-F238E27FC236}">
                <a16:creationId xmlns:a16="http://schemas.microsoft.com/office/drawing/2014/main" id="{7D78CDEC-AB82-C2D8-CAA5-F8D3DCDE124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3" name="Alt Bilgi Yer Tutucusu 2">
            <a:extLst>
              <a:ext uri="{FF2B5EF4-FFF2-40B4-BE49-F238E27FC236}">
                <a16:creationId xmlns:a16="http://schemas.microsoft.com/office/drawing/2014/main" id="{093D2D47-AF96-11DA-355C-7BA0B2FC053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>
            <a:extLst>
              <a:ext uri="{FF2B5EF4-FFF2-40B4-BE49-F238E27FC236}">
                <a16:creationId xmlns:a16="http://schemas.microsoft.com/office/drawing/2014/main" id="{D7E60ABE-A5FF-987F-808F-FC531D4FBE9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91923740"/>
      </p:ext>
    </p:extLst>
  </p:cSld>
  <p:clrMapOvr>
    <a:masterClrMapping/>
  </p:clrMapOvr>
</p:sldLayout>
</file>

<file path=ppt/slideLayouts/slideLayout84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0CAAEBF9-E975-AA48-C6F8-AF7EFC8DCFD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09E7EC-0E1B-A58E-915C-D3375A5E0D7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6CB04B42-1E3D-0F3A-611E-175DC3AFDF9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839BFEBA-B3BE-8063-D7CA-9846154280F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1F87CA36-BAF2-DB12-05DC-DDABF38AE26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D9719001-CE22-3016-A1A1-6849E35F567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98411375"/>
      </p:ext>
    </p:extLst>
  </p:cSld>
  <p:clrMapOvr>
    <a:masterClrMapping/>
  </p:clrMapOvr>
</p:sldLayout>
</file>

<file path=ppt/slideLayouts/slideLayout85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0CB7F70-371C-2739-CA23-BCAC3E602CC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Resim Yer Tutucusu 2">
            <a:extLst>
              <a:ext uri="{FF2B5EF4-FFF2-40B4-BE49-F238E27FC236}">
                <a16:creationId xmlns:a16="http://schemas.microsoft.com/office/drawing/2014/main" id="{448B710D-5717-18C4-7E1C-75D20D41AD29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0D5178FA-61E5-48EB-C829-D66A5B052FD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B7AFFE73-67AB-A999-C09F-E36C6D75D0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3169CEE5-2A9B-3B4C-F6FB-1A55B77A22F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03940B9E-93D2-3285-DEB7-2744F51200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31234515"/>
      </p:ext>
    </p:extLst>
  </p:cSld>
  <p:clrMapOvr>
    <a:masterClrMapping/>
  </p:clrMapOvr>
</p:sldLayout>
</file>

<file path=ppt/slideLayouts/slideLayout8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1F466FA6-177A-A4A2-6E16-961206F2274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AD1F7E12-0F60-5F06-6208-0070B257752A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184037A-B381-D17D-1F4E-79CAAA706C3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11A62D0C-37DE-9592-59A6-AC05A74078B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19E7CB84-75B4-5377-D4FE-C5C9E0B048E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60201928"/>
      </p:ext>
    </p:extLst>
  </p:cSld>
  <p:clrMapOvr>
    <a:masterClrMapping/>
  </p:clrMapOvr>
</p:sldLayout>
</file>

<file path=ppt/slideLayouts/slideLayout8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>
            <a:extLst>
              <a:ext uri="{FF2B5EF4-FFF2-40B4-BE49-F238E27FC236}">
                <a16:creationId xmlns:a16="http://schemas.microsoft.com/office/drawing/2014/main" id="{8A5AAECC-6764-813E-FF82-40374CEFD17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3DB80285-693B-087E-7F91-D5AAA788BB71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1891825F-6F1D-027D-ABC5-B5FA4458CE5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37452303-D47B-4C24-4A0F-F4BAC209B7A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836F134A-4E2C-AEA6-9629-852289B885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378964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Özel Düz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2D828DA1-4DEF-07D9-AF4A-5B6D490004E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0D1A7F32-F828-1800-808A-D324A7088B3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2F337F99-A66C-7764-273D-5278D8DE442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903573E3-C618-D551-EEA1-0C41DAFC332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393120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57200" y="1420283"/>
            <a:ext cx="5181600" cy="980017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914400" y="2590800"/>
            <a:ext cx="4267200" cy="11684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30481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60963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91444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21926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52407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182889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213370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438522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1045030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203061250"/>
      </p:ext>
    </p:extLst>
  </p:cSld>
  <p:clrMapOvr>
    <a:masterClrMapping/>
  </p:clrMapOvr>
</p:sldLayout>
</file>

<file path=ppt/slideLayouts/slideLayout90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55253394"/>
      </p:ext>
    </p:extLst>
  </p:cSld>
  <p:clrMapOvr>
    <a:masterClrMapping/>
  </p:clrMapOvr>
</p:sldLayout>
</file>

<file path=ppt/slideLayouts/slideLayout91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81542" y="2937934"/>
            <a:ext cx="5181600" cy="908050"/>
          </a:xfrm>
        </p:spPr>
        <p:txBody>
          <a:bodyPr anchor="t"/>
          <a:lstStyle>
            <a:lvl1pPr algn="l">
              <a:defRPr sz="2667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81542" y="1937809"/>
            <a:ext cx="5181600" cy="1000125"/>
          </a:xfrm>
        </p:spPr>
        <p:txBody>
          <a:bodyPr anchor="b"/>
          <a:lstStyle>
            <a:lvl1pPr marL="0" indent="0">
              <a:buNone/>
              <a:defRPr sz="1333">
                <a:solidFill>
                  <a:schemeClr val="tx1">
                    <a:tint val="75000"/>
                  </a:schemeClr>
                </a:solidFill>
              </a:defRPr>
            </a:lvl1pPr>
            <a:lvl2pPr marL="304815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2pPr>
            <a:lvl3pPr marL="609630" indent="0">
              <a:buNone/>
              <a:defRPr sz="1067">
                <a:solidFill>
                  <a:schemeClr val="tx1">
                    <a:tint val="75000"/>
                  </a:schemeClr>
                </a:solidFill>
              </a:defRPr>
            </a:lvl3pPr>
            <a:lvl4pPr marL="914446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4pPr>
            <a:lvl5pPr marL="1219261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5pPr>
            <a:lvl6pPr marL="1524076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6pPr>
            <a:lvl7pPr marL="1828891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7pPr>
            <a:lvl8pPr marL="2133707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8pPr>
            <a:lvl9pPr marL="2438522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79024145"/>
      </p:ext>
    </p:extLst>
  </p:cSld>
  <p:clrMapOvr>
    <a:masterClrMapping/>
  </p:clrMapOvr>
</p:sldLayout>
</file>

<file path=ppt/slideLayouts/slideLayout92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066800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98800" y="1066800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85400376"/>
      </p:ext>
    </p:extLst>
  </p:cSld>
  <p:clrMapOvr>
    <a:masterClrMapping/>
  </p:clrMapOvr>
</p:sldLayout>
</file>

<file path=ppt/slideLayouts/slideLayout93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23409"/>
            <a:ext cx="2693459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15" indent="0">
              <a:buNone/>
              <a:defRPr sz="1333" b="1"/>
            </a:lvl2pPr>
            <a:lvl3pPr marL="609630" indent="0">
              <a:buNone/>
              <a:defRPr sz="1200" b="1"/>
            </a:lvl3pPr>
            <a:lvl4pPr marL="914446" indent="0">
              <a:buNone/>
              <a:defRPr sz="1067" b="1"/>
            </a:lvl4pPr>
            <a:lvl5pPr marL="1219261" indent="0">
              <a:buNone/>
              <a:defRPr sz="1067" b="1"/>
            </a:lvl5pPr>
            <a:lvl6pPr marL="1524076" indent="0">
              <a:buNone/>
              <a:defRPr sz="1067" b="1"/>
            </a:lvl6pPr>
            <a:lvl7pPr marL="1828891" indent="0">
              <a:buNone/>
              <a:defRPr sz="1067" b="1"/>
            </a:lvl7pPr>
            <a:lvl8pPr marL="2133707" indent="0">
              <a:buNone/>
              <a:defRPr sz="1067" b="1"/>
            </a:lvl8pPr>
            <a:lvl9pPr marL="2438522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4800" y="1449917"/>
            <a:ext cx="2693459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096684" y="1023409"/>
            <a:ext cx="2694517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15" indent="0">
              <a:buNone/>
              <a:defRPr sz="1333" b="1"/>
            </a:lvl2pPr>
            <a:lvl3pPr marL="609630" indent="0">
              <a:buNone/>
              <a:defRPr sz="1200" b="1"/>
            </a:lvl3pPr>
            <a:lvl4pPr marL="914446" indent="0">
              <a:buNone/>
              <a:defRPr sz="1067" b="1"/>
            </a:lvl4pPr>
            <a:lvl5pPr marL="1219261" indent="0">
              <a:buNone/>
              <a:defRPr sz="1067" b="1"/>
            </a:lvl5pPr>
            <a:lvl6pPr marL="1524076" indent="0">
              <a:buNone/>
              <a:defRPr sz="1067" b="1"/>
            </a:lvl6pPr>
            <a:lvl7pPr marL="1828891" indent="0">
              <a:buNone/>
              <a:defRPr sz="1067" b="1"/>
            </a:lvl7pPr>
            <a:lvl8pPr marL="2133707" indent="0">
              <a:buNone/>
              <a:defRPr sz="1067" b="1"/>
            </a:lvl8pPr>
            <a:lvl9pPr marL="2438522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096684" y="1449917"/>
            <a:ext cx="2694517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48784496"/>
      </p:ext>
    </p:extLst>
  </p:cSld>
  <p:clrMapOvr>
    <a:masterClrMapping/>
  </p:clrMapOvr>
</p:sldLayout>
</file>

<file path=ppt/slideLayouts/slideLayout9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78676775"/>
      </p:ext>
    </p:extLst>
  </p:cSld>
  <p:clrMapOvr>
    <a:masterClrMapping/>
  </p:clrMapOvr>
</p:sldLayout>
</file>

<file path=ppt/slideLayouts/slideLayout9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945917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96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04800" y="182033"/>
            <a:ext cx="2005542" cy="774700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383367" y="182034"/>
            <a:ext cx="3407833" cy="3902075"/>
          </a:xfrm>
        </p:spPr>
        <p:txBody>
          <a:bodyPr/>
          <a:lstStyle>
            <a:lvl1pPr>
              <a:defRPr sz="2133"/>
            </a:lvl1pPr>
            <a:lvl2pPr>
              <a:defRPr sz="1867"/>
            </a:lvl2pPr>
            <a:lvl3pPr>
              <a:defRPr sz="1600"/>
            </a:lvl3pPr>
            <a:lvl4pPr>
              <a:defRPr sz="1333"/>
            </a:lvl4pPr>
            <a:lvl5pPr>
              <a:defRPr sz="1333"/>
            </a:lvl5pPr>
            <a:lvl6pPr>
              <a:defRPr sz="1333"/>
            </a:lvl6pPr>
            <a:lvl7pPr>
              <a:defRPr sz="1333"/>
            </a:lvl7pPr>
            <a:lvl8pPr>
              <a:defRPr sz="1333"/>
            </a:lvl8pPr>
            <a:lvl9pPr>
              <a:defRPr sz="1333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304800" y="956734"/>
            <a:ext cx="2005542" cy="3127375"/>
          </a:xfrm>
        </p:spPr>
        <p:txBody>
          <a:bodyPr/>
          <a:lstStyle>
            <a:lvl1pPr marL="0" indent="0">
              <a:buNone/>
              <a:defRPr sz="933"/>
            </a:lvl1pPr>
            <a:lvl2pPr marL="304815" indent="0">
              <a:buNone/>
              <a:defRPr sz="800"/>
            </a:lvl2pPr>
            <a:lvl3pPr marL="609630" indent="0">
              <a:buNone/>
              <a:defRPr sz="667"/>
            </a:lvl3pPr>
            <a:lvl4pPr marL="914446" indent="0">
              <a:buNone/>
              <a:defRPr sz="600"/>
            </a:lvl4pPr>
            <a:lvl5pPr marL="1219261" indent="0">
              <a:buNone/>
              <a:defRPr sz="600"/>
            </a:lvl5pPr>
            <a:lvl6pPr marL="1524076" indent="0">
              <a:buNone/>
              <a:defRPr sz="600"/>
            </a:lvl6pPr>
            <a:lvl7pPr marL="1828891" indent="0">
              <a:buNone/>
              <a:defRPr sz="600"/>
            </a:lvl7pPr>
            <a:lvl8pPr marL="2133707" indent="0">
              <a:buNone/>
              <a:defRPr sz="600"/>
            </a:lvl8pPr>
            <a:lvl9pPr marL="2438522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33385477"/>
      </p:ext>
    </p:extLst>
  </p:cSld>
  <p:clrMapOvr>
    <a:masterClrMapping/>
  </p:clrMapOvr>
</p:sldLayout>
</file>

<file path=ppt/slideLayouts/slideLayout97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4859" y="3200400"/>
            <a:ext cx="3657600" cy="377825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194859" y="408517"/>
            <a:ext cx="3657600" cy="2743200"/>
          </a:xfrm>
        </p:spPr>
        <p:txBody>
          <a:bodyPr/>
          <a:lstStyle>
            <a:lvl1pPr marL="0" indent="0">
              <a:buNone/>
              <a:defRPr sz="2133"/>
            </a:lvl1pPr>
            <a:lvl2pPr marL="304815" indent="0">
              <a:buNone/>
              <a:defRPr sz="1867"/>
            </a:lvl2pPr>
            <a:lvl3pPr marL="609630" indent="0">
              <a:buNone/>
              <a:defRPr sz="1600"/>
            </a:lvl3pPr>
            <a:lvl4pPr marL="914446" indent="0">
              <a:buNone/>
              <a:defRPr sz="1333"/>
            </a:lvl4pPr>
            <a:lvl5pPr marL="1219261" indent="0">
              <a:buNone/>
              <a:defRPr sz="1333"/>
            </a:lvl5pPr>
            <a:lvl6pPr marL="1524076" indent="0">
              <a:buNone/>
              <a:defRPr sz="1333"/>
            </a:lvl6pPr>
            <a:lvl7pPr marL="1828891" indent="0">
              <a:buNone/>
              <a:defRPr sz="1333"/>
            </a:lvl7pPr>
            <a:lvl8pPr marL="2133707" indent="0">
              <a:buNone/>
              <a:defRPr sz="1333"/>
            </a:lvl8pPr>
            <a:lvl9pPr marL="2438522" indent="0">
              <a:buNone/>
              <a:defRPr sz="1333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94859" y="3578225"/>
            <a:ext cx="3657600" cy="536575"/>
          </a:xfrm>
        </p:spPr>
        <p:txBody>
          <a:bodyPr/>
          <a:lstStyle>
            <a:lvl1pPr marL="0" indent="0">
              <a:buNone/>
              <a:defRPr sz="933"/>
            </a:lvl1pPr>
            <a:lvl2pPr marL="304815" indent="0">
              <a:buNone/>
              <a:defRPr sz="800"/>
            </a:lvl2pPr>
            <a:lvl3pPr marL="609630" indent="0">
              <a:buNone/>
              <a:defRPr sz="667"/>
            </a:lvl3pPr>
            <a:lvl4pPr marL="914446" indent="0">
              <a:buNone/>
              <a:defRPr sz="600"/>
            </a:lvl4pPr>
            <a:lvl5pPr marL="1219261" indent="0">
              <a:buNone/>
              <a:defRPr sz="600"/>
            </a:lvl5pPr>
            <a:lvl6pPr marL="1524076" indent="0">
              <a:buNone/>
              <a:defRPr sz="600"/>
            </a:lvl6pPr>
            <a:lvl7pPr marL="1828891" indent="0">
              <a:buNone/>
              <a:defRPr sz="600"/>
            </a:lvl7pPr>
            <a:lvl8pPr marL="2133707" indent="0">
              <a:buNone/>
              <a:defRPr sz="600"/>
            </a:lvl8pPr>
            <a:lvl9pPr marL="2438522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30601526"/>
      </p:ext>
    </p:extLst>
  </p:cSld>
  <p:clrMapOvr>
    <a:masterClrMapping/>
  </p:clrMapOvr>
</p:sldLayout>
</file>

<file path=ppt/slideLayouts/slideLayout98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29999616"/>
      </p:ext>
    </p:extLst>
  </p:cSld>
  <p:clrMapOvr>
    <a:masterClrMapping/>
  </p:clrMapOvr>
</p:sldLayout>
</file>

<file path=ppt/slideLayouts/slideLayout99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4419600" y="183092"/>
            <a:ext cx="1371600" cy="3901017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304800" y="183092"/>
            <a:ext cx="4013200" cy="3901017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549180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13" Type="http://schemas.openxmlformats.org/officeDocument/2006/relationships/theme" Target="../theme/theme2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slideLayout" Target="../slideLayouts/slideLayout23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1.xml"/><Relationship Id="rId3" Type="http://schemas.openxmlformats.org/officeDocument/2006/relationships/slideLayout" Target="../slideLayouts/slideLayout26.xml"/><Relationship Id="rId7" Type="http://schemas.openxmlformats.org/officeDocument/2006/relationships/slideLayout" Target="../slideLayouts/slideLayout30.xml"/><Relationship Id="rId12" Type="http://schemas.openxmlformats.org/officeDocument/2006/relationships/theme" Target="../theme/theme3.xml"/><Relationship Id="rId2" Type="http://schemas.openxmlformats.org/officeDocument/2006/relationships/slideLayout" Target="../slideLayouts/slideLayout25.xml"/><Relationship Id="rId1" Type="http://schemas.openxmlformats.org/officeDocument/2006/relationships/slideLayout" Target="../slideLayouts/slideLayout24.xml"/><Relationship Id="rId6" Type="http://schemas.openxmlformats.org/officeDocument/2006/relationships/slideLayout" Target="../slideLayouts/slideLayout29.xml"/><Relationship Id="rId11" Type="http://schemas.openxmlformats.org/officeDocument/2006/relationships/slideLayout" Target="../slideLayouts/slideLayout34.xml"/><Relationship Id="rId5" Type="http://schemas.openxmlformats.org/officeDocument/2006/relationships/slideLayout" Target="../slideLayouts/slideLayout28.xml"/><Relationship Id="rId10" Type="http://schemas.openxmlformats.org/officeDocument/2006/relationships/slideLayout" Target="../slideLayouts/slideLayout33.xml"/><Relationship Id="rId4" Type="http://schemas.openxmlformats.org/officeDocument/2006/relationships/slideLayout" Target="../slideLayouts/slideLayout27.xml"/><Relationship Id="rId9" Type="http://schemas.openxmlformats.org/officeDocument/2006/relationships/slideLayout" Target="../slideLayouts/slideLayout32.xml"/></Relationships>
</file>

<file path=ppt/slideMasters/_rels/slideMaster4.xml.rels><?xml version="1.0" encoding="UTF-8" standalone="yes"?>
<Relationships xmlns="http://schemas.openxmlformats.org/package/2006/relationships"><Relationship Id="rId8" Type="http://schemas.openxmlformats.org/officeDocument/2006/relationships/theme" Target="../theme/theme4.xml"/><Relationship Id="rId3" Type="http://schemas.openxmlformats.org/officeDocument/2006/relationships/slideLayout" Target="../slideLayouts/slideLayout37.xml"/><Relationship Id="rId7" Type="http://schemas.openxmlformats.org/officeDocument/2006/relationships/slideLayout" Target="../slideLayouts/slideLayout41.xml"/><Relationship Id="rId2" Type="http://schemas.openxmlformats.org/officeDocument/2006/relationships/slideLayout" Target="../slideLayouts/slideLayout36.xml"/><Relationship Id="rId1" Type="http://schemas.openxmlformats.org/officeDocument/2006/relationships/slideLayout" Target="../slideLayouts/slideLayout35.xml"/><Relationship Id="rId6" Type="http://schemas.openxmlformats.org/officeDocument/2006/relationships/slideLayout" Target="../slideLayouts/slideLayout40.xml"/><Relationship Id="rId5" Type="http://schemas.openxmlformats.org/officeDocument/2006/relationships/slideLayout" Target="../slideLayouts/slideLayout39.xml"/><Relationship Id="rId4" Type="http://schemas.openxmlformats.org/officeDocument/2006/relationships/slideLayout" Target="../slideLayouts/slideLayout38.xml"/></Relationships>
</file>

<file path=ppt/slideMasters/_rels/slideMaster5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49.xml"/><Relationship Id="rId13" Type="http://schemas.openxmlformats.org/officeDocument/2006/relationships/theme" Target="../theme/theme5.xml"/><Relationship Id="rId18" Type="http://schemas.openxmlformats.org/officeDocument/2006/relationships/tags" Target="../tags/tag6.xml"/><Relationship Id="rId3" Type="http://schemas.openxmlformats.org/officeDocument/2006/relationships/slideLayout" Target="../slideLayouts/slideLayout44.xml"/><Relationship Id="rId7" Type="http://schemas.openxmlformats.org/officeDocument/2006/relationships/slideLayout" Target="../slideLayouts/slideLayout48.xml"/><Relationship Id="rId12" Type="http://schemas.openxmlformats.org/officeDocument/2006/relationships/slideLayout" Target="../slideLayouts/slideLayout53.xml"/><Relationship Id="rId17" Type="http://schemas.openxmlformats.org/officeDocument/2006/relationships/tags" Target="../tags/tag5.xml"/><Relationship Id="rId2" Type="http://schemas.openxmlformats.org/officeDocument/2006/relationships/slideLayout" Target="../slideLayouts/slideLayout43.xml"/><Relationship Id="rId16" Type="http://schemas.openxmlformats.org/officeDocument/2006/relationships/tags" Target="../tags/tag4.xml"/><Relationship Id="rId1" Type="http://schemas.openxmlformats.org/officeDocument/2006/relationships/slideLayout" Target="../slideLayouts/slideLayout42.xml"/><Relationship Id="rId6" Type="http://schemas.openxmlformats.org/officeDocument/2006/relationships/slideLayout" Target="../slideLayouts/slideLayout47.xml"/><Relationship Id="rId11" Type="http://schemas.openxmlformats.org/officeDocument/2006/relationships/slideLayout" Target="../slideLayouts/slideLayout52.xml"/><Relationship Id="rId5" Type="http://schemas.openxmlformats.org/officeDocument/2006/relationships/slideLayout" Target="../slideLayouts/slideLayout46.xml"/><Relationship Id="rId15" Type="http://schemas.openxmlformats.org/officeDocument/2006/relationships/tags" Target="../tags/tag3.xml"/><Relationship Id="rId10" Type="http://schemas.openxmlformats.org/officeDocument/2006/relationships/slideLayout" Target="../slideLayouts/slideLayout51.xml"/><Relationship Id="rId4" Type="http://schemas.openxmlformats.org/officeDocument/2006/relationships/slideLayout" Target="../slideLayouts/slideLayout45.xml"/><Relationship Id="rId9" Type="http://schemas.openxmlformats.org/officeDocument/2006/relationships/slideLayout" Target="../slideLayouts/slideLayout50.xml"/><Relationship Id="rId14" Type="http://schemas.openxmlformats.org/officeDocument/2006/relationships/tags" Target="../tags/tag2.xml"/></Relationships>
</file>

<file path=ppt/slideMasters/_rels/slideMaster6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61.xml"/><Relationship Id="rId3" Type="http://schemas.openxmlformats.org/officeDocument/2006/relationships/slideLayout" Target="../slideLayouts/slideLayout56.xml"/><Relationship Id="rId7" Type="http://schemas.openxmlformats.org/officeDocument/2006/relationships/slideLayout" Target="../slideLayouts/slideLayout60.xml"/><Relationship Id="rId12" Type="http://schemas.openxmlformats.org/officeDocument/2006/relationships/theme" Target="../theme/theme6.xml"/><Relationship Id="rId2" Type="http://schemas.openxmlformats.org/officeDocument/2006/relationships/slideLayout" Target="../slideLayouts/slideLayout55.xml"/><Relationship Id="rId1" Type="http://schemas.openxmlformats.org/officeDocument/2006/relationships/slideLayout" Target="../slideLayouts/slideLayout54.xml"/><Relationship Id="rId6" Type="http://schemas.openxmlformats.org/officeDocument/2006/relationships/slideLayout" Target="../slideLayouts/slideLayout59.xml"/><Relationship Id="rId11" Type="http://schemas.openxmlformats.org/officeDocument/2006/relationships/slideLayout" Target="../slideLayouts/slideLayout64.xml"/><Relationship Id="rId5" Type="http://schemas.openxmlformats.org/officeDocument/2006/relationships/slideLayout" Target="../slideLayouts/slideLayout58.xml"/><Relationship Id="rId10" Type="http://schemas.openxmlformats.org/officeDocument/2006/relationships/slideLayout" Target="../slideLayouts/slideLayout63.xml"/><Relationship Id="rId4" Type="http://schemas.openxmlformats.org/officeDocument/2006/relationships/slideLayout" Target="../slideLayouts/slideLayout57.xml"/><Relationship Id="rId9" Type="http://schemas.openxmlformats.org/officeDocument/2006/relationships/slideLayout" Target="../slideLayouts/slideLayout62.xml"/></Relationships>
</file>

<file path=ppt/slideMasters/_rels/slideMaster7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72.xml"/><Relationship Id="rId13" Type="http://schemas.openxmlformats.org/officeDocument/2006/relationships/theme" Target="../theme/theme7.xml"/><Relationship Id="rId3" Type="http://schemas.openxmlformats.org/officeDocument/2006/relationships/slideLayout" Target="../slideLayouts/slideLayout67.xml"/><Relationship Id="rId7" Type="http://schemas.openxmlformats.org/officeDocument/2006/relationships/slideLayout" Target="../slideLayouts/slideLayout71.xml"/><Relationship Id="rId12" Type="http://schemas.openxmlformats.org/officeDocument/2006/relationships/slideLayout" Target="../slideLayouts/slideLayout76.xml"/><Relationship Id="rId2" Type="http://schemas.openxmlformats.org/officeDocument/2006/relationships/slideLayout" Target="../slideLayouts/slideLayout66.xml"/><Relationship Id="rId1" Type="http://schemas.openxmlformats.org/officeDocument/2006/relationships/slideLayout" Target="../slideLayouts/slideLayout65.xml"/><Relationship Id="rId6" Type="http://schemas.openxmlformats.org/officeDocument/2006/relationships/slideLayout" Target="../slideLayouts/slideLayout70.xml"/><Relationship Id="rId11" Type="http://schemas.openxmlformats.org/officeDocument/2006/relationships/slideLayout" Target="../slideLayouts/slideLayout75.xml"/><Relationship Id="rId5" Type="http://schemas.openxmlformats.org/officeDocument/2006/relationships/slideLayout" Target="../slideLayouts/slideLayout69.xml"/><Relationship Id="rId10" Type="http://schemas.openxmlformats.org/officeDocument/2006/relationships/slideLayout" Target="../slideLayouts/slideLayout74.xml"/><Relationship Id="rId4" Type="http://schemas.openxmlformats.org/officeDocument/2006/relationships/slideLayout" Target="../slideLayouts/slideLayout68.xml"/><Relationship Id="rId9" Type="http://schemas.openxmlformats.org/officeDocument/2006/relationships/slideLayout" Target="../slideLayouts/slideLayout73.xml"/></Relationships>
</file>

<file path=ppt/slideMasters/_rels/slideMaster8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4.xml"/><Relationship Id="rId13" Type="http://schemas.openxmlformats.org/officeDocument/2006/relationships/theme" Target="../theme/theme8.xml"/><Relationship Id="rId3" Type="http://schemas.openxmlformats.org/officeDocument/2006/relationships/slideLayout" Target="../slideLayouts/slideLayout79.xml"/><Relationship Id="rId7" Type="http://schemas.openxmlformats.org/officeDocument/2006/relationships/slideLayout" Target="../slideLayouts/slideLayout83.xml"/><Relationship Id="rId12" Type="http://schemas.openxmlformats.org/officeDocument/2006/relationships/slideLayout" Target="../slideLayouts/slideLayout88.xml"/><Relationship Id="rId2" Type="http://schemas.openxmlformats.org/officeDocument/2006/relationships/slideLayout" Target="../slideLayouts/slideLayout78.xml"/><Relationship Id="rId1" Type="http://schemas.openxmlformats.org/officeDocument/2006/relationships/slideLayout" Target="../slideLayouts/slideLayout77.xml"/><Relationship Id="rId6" Type="http://schemas.openxmlformats.org/officeDocument/2006/relationships/slideLayout" Target="../slideLayouts/slideLayout82.xml"/><Relationship Id="rId11" Type="http://schemas.openxmlformats.org/officeDocument/2006/relationships/slideLayout" Target="../slideLayouts/slideLayout87.xml"/><Relationship Id="rId5" Type="http://schemas.openxmlformats.org/officeDocument/2006/relationships/slideLayout" Target="../slideLayouts/slideLayout81.xml"/><Relationship Id="rId10" Type="http://schemas.openxmlformats.org/officeDocument/2006/relationships/slideLayout" Target="../slideLayouts/slideLayout86.xml"/><Relationship Id="rId4" Type="http://schemas.openxmlformats.org/officeDocument/2006/relationships/slideLayout" Target="../slideLayouts/slideLayout80.xml"/><Relationship Id="rId9" Type="http://schemas.openxmlformats.org/officeDocument/2006/relationships/slideLayout" Target="../slideLayouts/slideLayout85.xml"/><Relationship Id="rId14" Type="http://schemas.openxmlformats.org/officeDocument/2006/relationships/tags" Target="../tags/tag17.xml"/></Relationships>
</file>

<file path=ppt/slideMasters/_rels/slideMaster9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96.xml"/><Relationship Id="rId3" Type="http://schemas.openxmlformats.org/officeDocument/2006/relationships/slideLayout" Target="../slideLayouts/slideLayout91.xml"/><Relationship Id="rId7" Type="http://schemas.openxmlformats.org/officeDocument/2006/relationships/slideLayout" Target="../slideLayouts/slideLayout95.xml"/><Relationship Id="rId12" Type="http://schemas.openxmlformats.org/officeDocument/2006/relationships/theme" Target="../theme/theme9.xml"/><Relationship Id="rId2" Type="http://schemas.openxmlformats.org/officeDocument/2006/relationships/slideLayout" Target="../slideLayouts/slideLayout90.xml"/><Relationship Id="rId1" Type="http://schemas.openxmlformats.org/officeDocument/2006/relationships/slideLayout" Target="../slideLayouts/slideLayout89.xml"/><Relationship Id="rId6" Type="http://schemas.openxmlformats.org/officeDocument/2006/relationships/slideLayout" Target="../slideLayouts/slideLayout94.xml"/><Relationship Id="rId11" Type="http://schemas.openxmlformats.org/officeDocument/2006/relationships/slideLayout" Target="../slideLayouts/slideLayout99.xml"/><Relationship Id="rId5" Type="http://schemas.openxmlformats.org/officeDocument/2006/relationships/slideLayout" Target="../slideLayouts/slideLayout93.xml"/><Relationship Id="rId10" Type="http://schemas.openxmlformats.org/officeDocument/2006/relationships/slideLayout" Target="../slideLayouts/slideLayout98.xml"/><Relationship Id="rId4" Type="http://schemas.openxmlformats.org/officeDocument/2006/relationships/slideLayout" Target="../slideLayouts/slideLayout92.xml"/><Relationship Id="rId9" Type="http://schemas.openxmlformats.org/officeDocument/2006/relationships/slideLayout" Target="../slideLayouts/slideLayout97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DE1EBCB-CDF5-4E9D-9356-1C4373C653AC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5BE4FD6-860F-4E10-A56D-82B867C20747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420781813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bg1">
                <a:lumMod val="95000"/>
              </a:schemeClr>
            </a:gs>
            <a:gs pos="100000">
              <a:schemeClr val="bg1">
                <a:lumMod val="95000"/>
              </a:schemeClr>
            </a:gs>
            <a:gs pos="100000">
              <a:schemeClr val="accent1">
                <a:lumMod val="45000"/>
                <a:lumOff val="55000"/>
              </a:schemeClr>
            </a:gs>
            <a:gs pos="100000">
              <a:schemeClr val="accent1">
                <a:lumMod val="30000"/>
                <a:lumOff val="70000"/>
              </a:schemeClr>
            </a:gs>
          </a:gsLst>
          <a:lin ang="54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 userDrawn="1"/>
        </p:nvSpPr>
        <p:spPr>
          <a:xfrm>
            <a:off x="1" y="-206512"/>
            <a:ext cx="577851" cy="9233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600" b="0" i="0" u="none" strike="noStrike" kern="1200" cap="none" spc="0" normalizeH="0" baseline="0" noProof="0" dirty="0">
                <a:ln>
                  <a:noFill/>
                </a:ln>
                <a:solidFill>
                  <a:srgbClr val="E6E6E6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JAY DESIGN</a:t>
            </a:r>
          </a:p>
        </p:txBody>
      </p:sp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86106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ko-KR" alt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ko-KR" altLang="en-US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4112482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</p:sldLayoutIdLs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 userDrawn="1"/>
        </p:nvSpPr>
        <p:spPr>
          <a:xfrm>
            <a:off x="1" y="-206512"/>
            <a:ext cx="577851" cy="9233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600" b="0" i="0" u="none" strike="noStrike" kern="1200" cap="none" spc="0" normalizeH="0" baseline="0" noProof="0" dirty="0">
                <a:ln>
                  <a:noFill/>
                </a:ln>
                <a:solidFill>
                  <a:srgbClr val="E6E6E6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JAY DESIGN</a:t>
            </a:r>
          </a:p>
        </p:txBody>
      </p:sp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86106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ko-KR" alt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ko-KR" alt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4032490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4" r:id="rId1"/>
    <p:sldLayoutId id="2147483675" r:id="rId2"/>
    <p:sldLayoutId id="2147483676" r:id="rId3"/>
    <p:sldLayoutId id="2147483677" r:id="rId4"/>
    <p:sldLayoutId id="2147483678" r:id="rId5"/>
    <p:sldLayoutId id="2147483679" r:id="rId6"/>
    <p:sldLayoutId id="2147483680" r:id="rId7"/>
    <p:sldLayoutId id="2147483681" r:id="rId8"/>
    <p:sldLayoutId id="2147483682" r:id="rId9"/>
    <p:sldLayoutId id="2147483683" r:id="rId10"/>
    <p:sldLayoutId id="2147483684" r:id="rId11"/>
  </p:sldLayoutIdLs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81000">
              <a:srgbClr val="EEEEEE"/>
            </a:gs>
            <a:gs pos="0">
              <a:schemeClr val="bg1"/>
            </a:gs>
            <a:gs pos="100000">
              <a:schemeClr val="bg1">
                <a:lumMod val="85000"/>
              </a:schemeClr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09600" y="274640"/>
            <a:ext cx="10972801" cy="711081"/>
          </a:xfrm>
          <a:prstGeom prst="rect">
            <a:avLst/>
          </a:prstGeom>
        </p:spPr>
        <p:txBody>
          <a:bodyPr vert="horz" lIns="0" tIns="60949" rIns="0" bIns="60949" rtlCol="0" anchor="ctr">
            <a:normAutofit/>
          </a:bodyPr>
          <a:lstStyle/>
          <a:p>
            <a:r>
              <a:rPr lang="en-US" dirty="0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09600" y="1138426"/>
            <a:ext cx="10972801" cy="4987739"/>
          </a:xfrm>
          <a:prstGeom prst="rect">
            <a:avLst/>
          </a:prstGeom>
        </p:spPr>
        <p:txBody>
          <a:bodyPr vert="horz" lIns="0" tIns="60949" rIns="0" bIns="60949" rtlCol="0">
            <a:normAutofit/>
          </a:bodyPr>
          <a:lstStyle/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09600" y="6356352"/>
            <a:ext cx="2844800" cy="365125"/>
          </a:xfrm>
          <a:prstGeom prst="rect">
            <a:avLst/>
          </a:prstGeom>
        </p:spPr>
        <p:txBody>
          <a:bodyPr vert="horz" lIns="121899" tIns="60949" rIns="121899" bIns="60949" rtlCol="0" anchor="ctr"/>
          <a:lstStyle>
            <a:lvl1pPr algn="l">
              <a:defRPr sz="16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5404F2-BE9A-4460-8815-8F645183555F}" type="datetimeFigureOut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/8/2024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165601" y="6356352"/>
            <a:ext cx="3860800" cy="365125"/>
          </a:xfrm>
          <a:prstGeom prst="rect">
            <a:avLst/>
          </a:prstGeom>
        </p:spPr>
        <p:txBody>
          <a:bodyPr vert="horz" lIns="121899" tIns="60949" rIns="121899" bIns="60949" rtlCol="0" anchor="ctr"/>
          <a:lstStyle>
            <a:lvl1pPr algn="ctr">
              <a:defRPr sz="16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737601" y="6356352"/>
            <a:ext cx="2844800" cy="365125"/>
          </a:xfrm>
          <a:prstGeom prst="rect">
            <a:avLst/>
          </a:prstGeom>
        </p:spPr>
        <p:txBody>
          <a:bodyPr vert="horz" lIns="121899" tIns="60949" rIns="121899" bIns="60949" rtlCol="0" anchor="ctr"/>
          <a:lstStyle>
            <a:lvl1pPr algn="r">
              <a:defRPr sz="16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1218987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6E69268-9C8B-4EBF-A9EE-DC5DC2D48DC3}" type="slidenum">
              <a:rPr kumimoji="0" lang="en-US" sz="1600" b="0" i="0" u="none" strike="noStrike" kern="1200" cap="none" spc="0" normalizeH="0" baseline="0" noProof="0" smtClean="0">
                <a:ln>
                  <a:noFill/>
                </a:ln>
                <a:solidFill>
                  <a:srgbClr val="000000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1218987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600" b="0" i="0" u="none" strike="noStrike" kern="1200" cap="none" spc="0" normalizeH="0" baseline="0" noProof="0">
              <a:ln>
                <a:noFill/>
              </a:ln>
              <a:solidFill>
                <a:srgbClr val="000000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92430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6" r:id="rId1"/>
    <p:sldLayoutId id="2147483687" r:id="rId2"/>
    <p:sldLayoutId id="2147483688" r:id="rId3"/>
    <p:sldLayoutId id="2147483689" r:id="rId4"/>
    <p:sldLayoutId id="2147483690" r:id="rId5"/>
    <p:sldLayoutId id="2147483691" r:id="rId6"/>
    <p:sldLayoutId id="2147483692" r:id="rId7"/>
  </p:sldLayoutIdLst>
  <p:txStyles>
    <p:titleStyle>
      <a:lvl1pPr algn="l" defTabSz="1218987" rtl="0" eaLnBrk="1" latinLnBrk="0" hangingPunct="1">
        <a:spcBef>
          <a:spcPct val="0"/>
        </a:spcBef>
        <a:buNone/>
        <a:defRPr sz="3600" kern="1200">
          <a:solidFill>
            <a:schemeClr val="tx1">
              <a:lumMod val="75000"/>
              <a:lumOff val="25000"/>
            </a:schemeClr>
          </a:solidFill>
          <a:latin typeface="+mj-lt"/>
          <a:ea typeface="+mj-ea"/>
          <a:cs typeface="Arial" panose="020B0604020202020204" pitchFamily="34" charset="0"/>
        </a:defRPr>
      </a:lvl1pPr>
    </p:titleStyle>
    <p:bodyStyle>
      <a:lvl1pPr marL="0" indent="0" algn="l" defTabSz="1218987" rtl="0" eaLnBrk="1" latinLnBrk="0" hangingPunct="1">
        <a:spcBef>
          <a:spcPct val="20000"/>
        </a:spcBef>
        <a:buFontTx/>
        <a:buNone/>
        <a:defRPr sz="1800" kern="1200">
          <a:solidFill>
            <a:schemeClr val="tx1">
              <a:lumMod val="75000"/>
              <a:lumOff val="25000"/>
            </a:schemeClr>
          </a:solidFill>
          <a:latin typeface="Arial" panose="020B0604020202020204" pitchFamily="34" charset="0"/>
          <a:ea typeface="+mn-ea"/>
          <a:cs typeface="Arial" panose="020B0604020202020204" pitchFamily="34" charset="0"/>
        </a:defRPr>
      </a:lvl1pPr>
      <a:lvl2pPr marL="609494" indent="0" algn="l" defTabSz="1218987" rtl="0" eaLnBrk="1" latinLnBrk="0" hangingPunct="1">
        <a:spcBef>
          <a:spcPct val="20000"/>
        </a:spcBef>
        <a:buFontTx/>
        <a:buNone/>
        <a:defRPr sz="1800" kern="1200">
          <a:solidFill>
            <a:schemeClr val="tx1"/>
          </a:solidFill>
          <a:latin typeface="Arial" panose="020B0604020202020204" pitchFamily="34" charset="0"/>
          <a:ea typeface="+mn-ea"/>
          <a:cs typeface="Arial" panose="020B0604020202020204" pitchFamily="34" charset="0"/>
        </a:defRPr>
      </a:lvl2pPr>
      <a:lvl3pPr marL="1218986" indent="0" algn="l" defTabSz="1218987" rtl="0" eaLnBrk="1" latinLnBrk="0" hangingPunct="1">
        <a:spcBef>
          <a:spcPct val="20000"/>
        </a:spcBef>
        <a:buFontTx/>
        <a:buNone/>
        <a:defRPr sz="1800" kern="1200">
          <a:solidFill>
            <a:schemeClr val="tx1"/>
          </a:solidFill>
          <a:latin typeface="Arial" panose="020B0604020202020204" pitchFamily="34" charset="0"/>
          <a:ea typeface="+mn-ea"/>
          <a:cs typeface="Arial" panose="020B0604020202020204" pitchFamily="34" charset="0"/>
        </a:defRPr>
      </a:lvl3pPr>
      <a:lvl4pPr marL="1828480" indent="0" algn="l" defTabSz="1218987" rtl="0" eaLnBrk="1" latinLnBrk="0" hangingPunct="1">
        <a:spcBef>
          <a:spcPct val="20000"/>
        </a:spcBef>
        <a:buFontTx/>
        <a:buNone/>
        <a:defRPr sz="1800" kern="1200">
          <a:solidFill>
            <a:schemeClr val="tx1"/>
          </a:solidFill>
          <a:latin typeface="Arial" panose="020B0604020202020204" pitchFamily="34" charset="0"/>
          <a:ea typeface="+mn-ea"/>
          <a:cs typeface="Arial" panose="020B0604020202020204" pitchFamily="34" charset="0"/>
        </a:defRPr>
      </a:lvl4pPr>
      <a:lvl5pPr marL="2437973" indent="0" algn="l" defTabSz="1218987" rtl="0" eaLnBrk="1" latinLnBrk="0" hangingPunct="1">
        <a:spcBef>
          <a:spcPct val="20000"/>
        </a:spcBef>
        <a:buFontTx/>
        <a:buNone/>
        <a:defRPr sz="1800" kern="1200">
          <a:solidFill>
            <a:schemeClr val="tx1"/>
          </a:solidFill>
          <a:latin typeface="Arial" panose="020B0604020202020204" pitchFamily="34" charset="0"/>
          <a:ea typeface="+mn-ea"/>
          <a:cs typeface="Arial" panose="020B0604020202020204" pitchFamily="34" charset="0"/>
        </a:defRPr>
      </a:lvl5pPr>
      <a:lvl6pPr marL="3352213" indent="-304747" algn="l" defTabSz="1218987" rtl="0" eaLnBrk="1" latinLnBrk="0" hangingPunct="1">
        <a:spcBef>
          <a:spcPct val="20000"/>
        </a:spcBef>
        <a:buFont typeface="Arial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3961707" indent="-304747" algn="l" defTabSz="1218987" rtl="0" eaLnBrk="1" latinLnBrk="0" hangingPunct="1">
        <a:spcBef>
          <a:spcPct val="20000"/>
        </a:spcBef>
        <a:buFont typeface="Arial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4571200" indent="-304747" algn="l" defTabSz="1218987" rtl="0" eaLnBrk="1" latinLnBrk="0" hangingPunct="1">
        <a:spcBef>
          <a:spcPct val="20000"/>
        </a:spcBef>
        <a:buFont typeface="Arial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180693" indent="-304747" algn="l" defTabSz="1218987" rtl="0" eaLnBrk="1" latinLnBrk="0" hangingPunct="1">
        <a:spcBef>
          <a:spcPct val="20000"/>
        </a:spcBef>
        <a:buFont typeface="Arial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609493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218987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828480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4pPr>
      <a:lvl5pPr marL="2437973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5pPr>
      <a:lvl6pPr marL="3047467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6pPr>
      <a:lvl7pPr marL="3656960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7pPr>
      <a:lvl8pPr marL="4266453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8pPr>
      <a:lvl9pPr marL="4875947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5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accent1">
                <a:lumMod val="5000"/>
                <a:lumOff val="95000"/>
              </a:schemeClr>
            </a:gs>
            <a:gs pos="100000">
              <a:schemeClr val="accent1">
                <a:lumMod val="30000"/>
                <a:lumOff val="70000"/>
              </a:schemeClr>
            </a:gs>
          </a:gsLst>
          <a:lin ang="54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  <p:custDataLst>
              <p:tags r:id="rId14"/>
            </p:custDataLst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  <p:custDataLst>
              <p:tags r:id="rId15"/>
            </p:custDataLst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  <p:custDataLst>
              <p:tags r:id="rId16"/>
            </p:custDataLst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04594DAF-95E8-476A-AF7B-2124C94F0356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  <p:custDataLst>
              <p:tags r:id="rId17"/>
            </p:custDataLst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  <p:custDataLst>
              <p:tags r:id="rId18"/>
            </p:custDataLst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9777414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94" r:id="rId1"/>
    <p:sldLayoutId id="2147483695" r:id="rId2"/>
    <p:sldLayoutId id="2147483696" r:id="rId3"/>
    <p:sldLayoutId id="2147483697" r:id="rId4"/>
    <p:sldLayoutId id="2147483698" r:id="rId5"/>
    <p:sldLayoutId id="2147483699" r:id="rId6"/>
    <p:sldLayoutId id="2147483700" r:id="rId7"/>
    <p:sldLayoutId id="2147483701" r:id="rId8"/>
    <p:sldLayoutId id="2147483702" r:id="rId9"/>
    <p:sldLayoutId id="2147483703" r:id="rId10"/>
    <p:sldLayoutId id="2147483704" r:id="rId11"/>
    <p:sldLayoutId id="2147483705" r:id="rId12"/>
  </p:sldLayoutIdLst>
  <p:hf sldNum="0" hd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6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bg1">
                <a:alpha val="99000"/>
              </a:schemeClr>
            </a:gs>
            <a:gs pos="100000">
              <a:schemeClr val="accent1">
                <a:lumMod val="40000"/>
                <a:lumOff val="60000"/>
              </a:schemeClr>
            </a:gs>
          </a:gsLst>
          <a:lin ang="162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D558D24-8308-4DA8-86EB-3337D084F01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A4DCA7B-C0DD-4492-920F-75BE3254E2C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622316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7" r:id="rId1"/>
    <p:sldLayoutId id="2147483708" r:id="rId2"/>
    <p:sldLayoutId id="2147483709" r:id="rId3"/>
    <p:sldLayoutId id="2147483710" r:id="rId4"/>
    <p:sldLayoutId id="2147483711" r:id="rId5"/>
    <p:sldLayoutId id="2147483712" r:id="rId6"/>
    <p:sldLayoutId id="2147483713" r:id="rId7"/>
    <p:sldLayoutId id="2147483714" r:id="rId8"/>
    <p:sldLayoutId id="2147483715" r:id="rId9"/>
    <p:sldLayoutId id="2147483716" r:id="rId10"/>
    <p:sldLayoutId id="2147483717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7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bg1">
                <a:lumMod val="95000"/>
              </a:schemeClr>
            </a:gs>
            <a:gs pos="100000">
              <a:schemeClr val="bg1">
                <a:lumMod val="95000"/>
              </a:schemeClr>
            </a:gs>
          </a:gsLst>
          <a:lin ang="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.09.2024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5075151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19" r:id="rId1"/>
    <p:sldLayoutId id="2147483720" r:id="rId2"/>
    <p:sldLayoutId id="2147483721" r:id="rId3"/>
    <p:sldLayoutId id="2147483722" r:id="rId4"/>
    <p:sldLayoutId id="2147483723" r:id="rId5"/>
    <p:sldLayoutId id="2147483724" r:id="rId6"/>
    <p:sldLayoutId id="2147483725" r:id="rId7"/>
    <p:sldLayoutId id="2147483726" r:id="rId8"/>
    <p:sldLayoutId id="2147483727" r:id="rId9"/>
    <p:sldLayoutId id="2147483728" r:id="rId10"/>
    <p:sldLayoutId id="2147483729" r:id="rId11"/>
    <p:sldLayoutId id="2147483730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8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>
            <a:extLst>
              <a:ext uri="{FF2B5EF4-FFF2-40B4-BE49-F238E27FC236}">
                <a16:creationId xmlns:a16="http://schemas.microsoft.com/office/drawing/2014/main" id="{E994CDD3-C997-C973-48F0-08B5D41B41B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B7132338-A799-F0B9-CACC-F45E31FFC34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21D3CDCD-FB71-3818-5C55-09265504289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C5FAE0E-20B2-4F82-9F6A-53ADAE0ACEC0}" type="datetimeFigureOut">
              <a:rPr lang="tr-TR" smtClean="0"/>
              <a:t>8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D7CD472F-C728-690D-A094-1EA7578B2C7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C9E9DF77-40D0-5D86-78CE-A3CE10EBECD8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4"/>
    </p:custDataLst>
    <p:extLst>
      <p:ext uri="{BB962C8B-B14F-4D97-AF65-F5344CB8AC3E}">
        <p14:creationId xmlns:p14="http://schemas.microsoft.com/office/powerpoint/2010/main" val="29180420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32" r:id="rId1"/>
    <p:sldLayoutId id="2147483733" r:id="rId2"/>
    <p:sldLayoutId id="2147483734" r:id="rId3"/>
    <p:sldLayoutId id="2147483735" r:id="rId4"/>
    <p:sldLayoutId id="2147483736" r:id="rId5"/>
    <p:sldLayoutId id="2147483737" r:id="rId6"/>
    <p:sldLayoutId id="2147483738" r:id="rId7"/>
    <p:sldLayoutId id="2147483739" r:id="rId8"/>
    <p:sldLayoutId id="2147483740" r:id="rId9"/>
    <p:sldLayoutId id="2147483741" r:id="rId10"/>
    <p:sldLayoutId id="2147483742" r:id="rId11"/>
    <p:sldLayoutId id="2147483743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Masters/slideMaster9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304800" y="183092"/>
            <a:ext cx="5486400" cy="762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66800"/>
            <a:ext cx="5486400" cy="301730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304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9/8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082800" y="4237567"/>
            <a:ext cx="1930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4368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2061821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45" r:id="rId1"/>
    <p:sldLayoutId id="2147483746" r:id="rId2"/>
    <p:sldLayoutId id="2147483747" r:id="rId3"/>
    <p:sldLayoutId id="2147483748" r:id="rId4"/>
    <p:sldLayoutId id="2147483749" r:id="rId5"/>
    <p:sldLayoutId id="2147483750" r:id="rId6"/>
    <p:sldLayoutId id="2147483751" r:id="rId7"/>
    <p:sldLayoutId id="2147483752" r:id="rId8"/>
    <p:sldLayoutId id="2147483753" r:id="rId9"/>
    <p:sldLayoutId id="2147483754" r:id="rId10"/>
    <p:sldLayoutId id="2147483755" r:id="rId11"/>
  </p:sldLayoutIdLst>
  <p:txStyles>
    <p:titleStyle>
      <a:lvl1pPr algn="ctr" defTabSz="609630" rtl="0" eaLnBrk="1" latinLnBrk="0" hangingPunct="1">
        <a:spcBef>
          <a:spcPct val="0"/>
        </a:spcBef>
        <a:buNone/>
        <a:defRPr sz="2933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11" indent="-228611" algn="l" defTabSz="609630" rtl="0" eaLnBrk="1" latinLnBrk="0" hangingPunct="1">
        <a:spcBef>
          <a:spcPct val="20000"/>
        </a:spcBef>
        <a:buFont typeface="Arial" pitchFamily="34" charset="0"/>
        <a:buChar char="•"/>
        <a:defRPr sz="2133" kern="1200">
          <a:solidFill>
            <a:schemeClr val="tx1"/>
          </a:solidFill>
          <a:latin typeface="+mn-lt"/>
          <a:ea typeface="+mn-ea"/>
          <a:cs typeface="+mn-cs"/>
        </a:defRPr>
      </a:lvl1pPr>
      <a:lvl2pPr marL="495325" indent="-190510" algn="l" defTabSz="609630" rtl="0" eaLnBrk="1" latinLnBrk="0" hangingPunct="1">
        <a:spcBef>
          <a:spcPct val="20000"/>
        </a:spcBef>
        <a:buFont typeface="Arial" pitchFamily="34" charset="0"/>
        <a:buChar char="–"/>
        <a:defRPr sz="1867" kern="1200">
          <a:solidFill>
            <a:schemeClr val="tx1"/>
          </a:solidFill>
          <a:latin typeface="+mn-lt"/>
          <a:ea typeface="+mn-ea"/>
          <a:cs typeface="+mn-cs"/>
        </a:defRPr>
      </a:lvl2pPr>
      <a:lvl3pPr marL="762038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3pPr>
      <a:lvl4pPr marL="1066853" indent="-152408" algn="l" defTabSz="609630" rtl="0" eaLnBrk="1" latinLnBrk="0" hangingPunct="1">
        <a:spcBef>
          <a:spcPct val="20000"/>
        </a:spcBef>
        <a:buFont typeface="Arial" pitchFamily="34" charset="0"/>
        <a:buChar char="–"/>
        <a:defRPr sz="1333" kern="1200">
          <a:solidFill>
            <a:schemeClr val="tx1"/>
          </a:solidFill>
          <a:latin typeface="+mn-lt"/>
          <a:ea typeface="+mn-ea"/>
          <a:cs typeface="+mn-cs"/>
        </a:defRPr>
      </a:lvl4pPr>
      <a:lvl5pPr marL="1371669" indent="-152408" algn="l" defTabSz="609630" rtl="0" eaLnBrk="1" latinLnBrk="0" hangingPunct="1">
        <a:spcBef>
          <a:spcPct val="20000"/>
        </a:spcBef>
        <a:buFont typeface="Arial" pitchFamily="34" charset="0"/>
        <a:buChar char="»"/>
        <a:defRPr sz="1333" kern="1200">
          <a:solidFill>
            <a:schemeClr val="tx1"/>
          </a:solidFill>
          <a:latin typeface="+mn-lt"/>
          <a:ea typeface="+mn-ea"/>
          <a:cs typeface="+mn-cs"/>
        </a:defRPr>
      </a:lvl5pPr>
      <a:lvl6pPr marL="167648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6pPr>
      <a:lvl7pPr marL="1981299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7pPr>
      <a:lvl8pPr marL="228611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8pPr>
      <a:lvl9pPr marL="2590930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1pPr>
      <a:lvl2pPr marL="304815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2pPr>
      <a:lvl3pPr marL="60963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3pPr>
      <a:lvl4pPr marL="91444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4pPr>
      <a:lvl5pPr marL="121926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5pPr>
      <a:lvl6pPr marL="152407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6pPr>
      <a:lvl7pPr marL="182889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7pPr>
      <a:lvl8pPr marL="2133707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8pPr>
      <a:lvl9pPr marL="2438522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openxmlformats.org/officeDocument/2006/relationships/image" Target="../media/image8.png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4.png"/><Relationship Id="rId12" Type="http://schemas.openxmlformats.org/officeDocument/2006/relationships/image" Target="../media/image7.png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1.xml"/><Relationship Id="rId6" Type="http://schemas.openxmlformats.org/officeDocument/2006/relationships/image" Target="../media/image3.png"/><Relationship Id="rId11" Type="http://schemas.microsoft.com/office/2007/relationships/hdphoto" Target="../media/hdphoto2.wdp"/><Relationship Id="rId5" Type="http://schemas.openxmlformats.org/officeDocument/2006/relationships/image" Target="../media/image2.png"/><Relationship Id="rId10" Type="http://schemas.openxmlformats.org/officeDocument/2006/relationships/image" Target="../media/image6.png"/><Relationship Id="rId4" Type="http://schemas.openxmlformats.org/officeDocument/2006/relationships/image" Target="../media/image1.png"/><Relationship Id="rId9" Type="http://schemas.microsoft.com/office/2007/relationships/hdphoto" Target="../media/hdphoto1.wdp"/><Relationship Id="rId14" Type="http://schemas.openxmlformats.org/officeDocument/2006/relationships/image" Target="../media/image9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38.xml"/><Relationship Id="rId1" Type="http://schemas.openxmlformats.org/officeDocument/2006/relationships/tags" Target="../tags/tag40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38.xml"/><Relationship Id="rId1" Type="http://schemas.openxmlformats.org/officeDocument/2006/relationships/tags" Target="../tags/tag41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43.xml"/><Relationship Id="rId1" Type="http://schemas.openxmlformats.org/officeDocument/2006/relationships/tags" Target="../tags/tag42.xml"/><Relationship Id="rId6" Type="http://schemas.openxmlformats.org/officeDocument/2006/relationships/hyperlink" Target="https://www.dindersimateryal.com/?pnum=110&amp;pt=2.+%C3%9CN%C4%B0TE" TargetMode="External"/><Relationship Id="rId5" Type="http://schemas.openxmlformats.org/officeDocument/2006/relationships/image" Target="../media/image23.png"/><Relationship Id="rId4" Type="http://schemas.openxmlformats.org/officeDocument/2006/relationships/hyperlink" Target="https://wordwall.net/play/4266/898/280" TargetMode="Externa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25.png"/><Relationship Id="rId2" Type="http://schemas.openxmlformats.org/officeDocument/2006/relationships/slideLayout" Target="../slideLayouts/slideLayout55.xml"/><Relationship Id="rId1" Type="http://schemas.openxmlformats.org/officeDocument/2006/relationships/tags" Target="../tags/tag43.xml"/><Relationship Id="rId6" Type="http://schemas.openxmlformats.org/officeDocument/2006/relationships/image" Target="../media/image24.png"/><Relationship Id="rId5" Type="http://schemas.openxmlformats.org/officeDocument/2006/relationships/audio" Target="../media/audio2.wav"/><Relationship Id="rId4" Type="http://schemas.openxmlformats.org/officeDocument/2006/relationships/audio" Target="../media/audio1.wav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65.xml"/><Relationship Id="rId1" Type="http://schemas.openxmlformats.org/officeDocument/2006/relationships/tags" Target="../tags/tag44.xml"/><Relationship Id="rId5" Type="http://schemas.openxmlformats.org/officeDocument/2006/relationships/audio" Target="../media/audio2.wav"/><Relationship Id="rId4" Type="http://schemas.openxmlformats.org/officeDocument/2006/relationships/audio" Target="../media/audio1.wav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65.xml"/><Relationship Id="rId1" Type="http://schemas.openxmlformats.org/officeDocument/2006/relationships/tags" Target="../tags/tag45.xml"/><Relationship Id="rId5" Type="http://schemas.openxmlformats.org/officeDocument/2006/relationships/audio" Target="../media/audio2.wav"/><Relationship Id="rId4" Type="http://schemas.openxmlformats.org/officeDocument/2006/relationships/audio" Target="../media/audio1.wav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65.xml"/><Relationship Id="rId1" Type="http://schemas.openxmlformats.org/officeDocument/2006/relationships/tags" Target="../tags/tag46.xml"/><Relationship Id="rId4" Type="http://schemas.openxmlformats.org/officeDocument/2006/relationships/audio" Target="../media/audio1.wav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65.xml"/><Relationship Id="rId1" Type="http://schemas.openxmlformats.org/officeDocument/2006/relationships/tags" Target="../tags/tag47.xml"/><Relationship Id="rId5" Type="http://schemas.openxmlformats.org/officeDocument/2006/relationships/audio" Target="../media/audio2.wav"/><Relationship Id="rId4" Type="http://schemas.openxmlformats.org/officeDocument/2006/relationships/audio" Target="../media/audio1.wav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7.png"/><Relationship Id="rId13" Type="http://schemas.openxmlformats.org/officeDocument/2006/relationships/image" Target="../media/image32.svg"/><Relationship Id="rId3" Type="http://schemas.openxmlformats.org/officeDocument/2006/relationships/notesSlide" Target="../notesSlides/notesSlide16.xml"/><Relationship Id="rId7" Type="http://schemas.openxmlformats.org/officeDocument/2006/relationships/hyperlink" Target="https://t.me/joinchat/QrR0NEiT70UPac8ZvS8MDA" TargetMode="External"/><Relationship Id="rId12" Type="http://schemas.openxmlformats.org/officeDocument/2006/relationships/image" Target="../media/image31.png"/><Relationship Id="rId2" Type="http://schemas.openxmlformats.org/officeDocument/2006/relationships/slideLayout" Target="../slideLayouts/slideLayout83.xml"/><Relationship Id="rId1" Type="http://schemas.openxmlformats.org/officeDocument/2006/relationships/tags" Target="../tags/tag48.xml"/><Relationship Id="rId6" Type="http://schemas.openxmlformats.org/officeDocument/2006/relationships/hyperlink" Target="https://www.instagram.com/mustafa_yildirim129/" TargetMode="External"/><Relationship Id="rId11" Type="http://schemas.openxmlformats.org/officeDocument/2006/relationships/image" Target="../media/image30.svg"/><Relationship Id="rId5" Type="http://schemas.openxmlformats.org/officeDocument/2006/relationships/hyperlink" Target="https://dindersimateryal.com/" TargetMode="External"/><Relationship Id="rId10" Type="http://schemas.openxmlformats.org/officeDocument/2006/relationships/image" Target="../media/image29.png"/><Relationship Id="rId4" Type="http://schemas.openxmlformats.org/officeDocument/2006/relationships/image" Target="../media/image26.png"/><Relationship Id="rId9" Type="http://schemas.openxmlformats.org/officeDocument/2006/relationships/image" Target="../media/image28.sv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11.svg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2.xml"/><Relationship Id="rId6" Type="http://schemas.openxmlformats.org/officeDocument/2006/relationships/image" Target="../media/image10.png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8.xml"/><Relationship Id="rId1" Type="http://schemas.openxmlformats.org/officeDocument/2006/relationships/tags" Target="../tags/tag34.xml"/><Relationship Id="rId4" Type="http://schemas.openxmlformats.org/officeDocument/2006/relationships/image" Target="../media/image12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8.xml"/><Relationship Id="rId1" Type="http://schemas.openxmlformats.org/officeDocument/2006/relationships/tags" Target="../tags/tag3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8.xml"/><Relationship Id="rId1" Type="http://schemas.openxmlformats.org/officeDocument/2006/relationships/tags" Target="../tags/tag36.xml"/><Relationship Id="rId4" Type="http://schemas.openxmlformats.org/officeDocument/2006/relationships/image" Target="../media/image13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9.png"/><Relationship Id="rId3" Type="http://schemas.openxmlformats.org/officeDocument/2006/relationships/image" Target="../media/image14.png"/><Relationship Id="rId7" Type="http://schemas.openxmlformats.org/officeDocument/2006/relationships/image" Target="../media/image18.svg"/><Relationship Id="rId2" Type="http://schemas.openxmlformats.org/officeDocument/2006/relationships/slideLayout" Target="../slideLayouts/slideLayout95.xml"/><Relationship Id="rId1" Type="http://schemas.openxmlformats.org/officeDocument/2006/relationships/tags" Target="../tags/tag37.xml"/><Relationship Id="rId6" Type="http://schemas.openxmlformats.org/officeDocument/2006/relationships/image" Target="../media/image17.png"/><Relationship Id="rId5" Type="http://schemas.openxmlformats.org/officeDocument/2006/relationships/image" Target="../media/image16.gif"/><Relationship Id="rId4" Type="http://schemas.openxmlformats.org/officeDocument/2006/relationships/image" Target="../media/image15.png"/><Relationship Id="rId9" Type="http://schemas.openxmlformats.org/officeDocument/2006/relationships/image" Target="../media/image20.sv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95.xml"/><Relationship Id="rId2" Type="http://schemas.openxmlformats.org/officeDocument/2006/relationships/video" Target="https://www.youtube.com/embed/xbFyYNVCniI?feature=oembed" TargetMode="External"/><Relationship Id="rId1" Type="http://schemas.openxmlformats.org/officeDocument/2006/relationships/tags" Target="../tags/tag38.xml"/><Relationship Id="rId4" Type="http://schemas.openxmlformats.org/officeDocument/2006/relationships/image" Target="../media/image21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34.xml"/><Relationship Id="rId1" Type="http://schemas.openxmlformats.org/officeDocument/2006/relationships/tags" Target="../tags/tag39.xml"/><Relationship Id="rId4" Type="http://schemas.openxmlformats.org/officeDocument/2006/relationships/image" Target="../media/image2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" name="사각형: 둥근 위쪽 모서리 52">
            <a:extLst>
              <a:ext uri="{FF2B5EF4-FFF2-40B4-BE49-F238E27FC236}">
                <a16:creationId xmlns:a16="http://schemas.microsoft.com/office/drawing/2014/main" id="{71EA2BC2-15EA-4741-80BA-A12B08D7ADA2}"/>
              </a:ext>
            </a:extLst>
          </p:cNvPr>
          <p:cNvSpPr/>
          <p:nvPr/>
        </p:nvSpPr>
        <p:spPr>
          <a:xfrm rot="5400000">
            <a:off x="8649600" y="-1682149"/>
            <a:ext cx="813146" cy="5363511"/>
          </a:xfrm>
          <a:prstGeom prst="round2Same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grpSp>
        <p:nvGrpSpPr>
          <p:cNvPr id="5" name="그룹 4">
            <a:extLst>
              <a:ext uri="{FF2B5EF4-FFF2-40B4-BE49-F238E27FC236}">
                <a16:creationId xmlns:a16="http://schemas.microsoft.com/office/drawing/2014/main" id="{A08C38DD-7AD2-4BB8-97E4-6D124D5CCECA}"/>
              </a:ext>
            </a:extLst>
          </p:cNvPr>
          <p:cNvGrpSpPr/>
          <p:nvPr/>
        </p:nvGrpSpPr>
        <p:grpSpPr>
          <a:xfrm>
            <a:off x="5627076" y="593035"/>
            <a:ext cx="1244011" cy="813613"/>
            <a:chOff x="1405985" y="1484784"/>
            <a:chExt cx="1465190" cy="813613"/>
          </a:xfrm>
          <a:solidFill>
            <a:srgbClr val="FFAD3D"/>
          </a:solidFill>
        </p:grpSpPr>
        <p:sp>
          <p:nvSpPr>
            <p:cNvPr id="2" name="사각형: 둥근 위쪽 모서리 1">
              <a:extLst>
                <a:ext uri="{FF2B5EF4-FFF2-40B4-BE49-F238E27FC236}">
                  <a16:creationId xmlns:a16="http://schemas.microsoft.com/office/drawing/2014/main" id="{E3669431-1016-4716-9B58-7235B5B796E7}"/>
                </a:ext>
              </a:extLst>
            </p:cNvPr>
            <p:cNvSpPr/>
            <p:nvPr/>
          </p:nvSpPr>
          <p:spPr>
            <a:xfrm rot="16200000">
              <a:off x="1483672" y="1407097"/>
              <a:ext cx="813146" cy="968520"/>
            </a:xfrm>
            <a:prstGeom prst="round2SameRect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3" name="직각 삼각형 2">
              <a:extLst>
                <a:ext uri="{FF2B5EF4-FFF2-40B4-BE49-F238E27FC236}">
                  <a16:creationId xmlns:a16="http://schemas.microsoft.com/office/drawing/2014/main" id="{9CEC95B0-A8F3-402A-864C-968DDC5C3E60}"/>
                </a:ext>
              </a:extLst>
            </p:cNvPr>
            <p:cNvSpPr/>
            <p:nvPr/>
          </p:nvSpPr>
          <p:spPr>
            <a:xfrm rot="5400000">
              <a:off x="2216266" y="1643488"/>
              <a:ext cx="813147" cy="496671"/>
            </a:xfrm>
            <a:prstGeom prst="rtTriangl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77" name="Rectangle 236">
            <a:extLst>
              <a:ext uri="{FF2B5EF4-FFF2-40B4-BE49-F238E27FC236}">
                <a16:creationId xmlns:a16="http://schemas.microsoft.com/office/drawing/2014/main" id="{21157787-EC97-4193-A860-71D63AFF48DC}"/>
              </a:ext>
            </a:extLst>
          </p:cNvPr>
          <p:cNvSpPr/>
          <p:nvPr/>
        </p:nvSpPr>
        <p:spPr>
          <a:xfrm rot="5400000">
            <a:off x="10445957" y="903963"/>
            <a:ext cx="813148" cy="191292"/>
          </a:xfrm>
          <a:prstGeom prst="rect">
            <a:avLst/>
          </a:prstGeom>
          <a:blipFill dpi="0" rotWithShape="1">
            <a:blip r:embed="rId4">
              <a:alphaModFix amt="20000"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79" name="사각형: 둥근 위쪽 모서리 78">
            <a:extLst>
              <a:ext uri="{FF2B5EF4-FFF2-40B4-BE49-F238E27FC236}">
                <a16:creationId xmlns:a16="http://schemas.microsoft.com/office/drawing/2014/main" id="{F0654692-DED1-443D-B01A-96CE80485858}"/>
              </a:ext>
            </a:extLst>
          </p:cNvPr>
          <p:cNvSpPr/>
          <p:nvPr/>
        </p:nvSpPr>
        <p:spPr>
          <a:xfrm rot="5400000">
            <a:off x="8649600" y="-643414"/>
            <a:ext cx="813146" cy="5363511"/>
          </a:xfrm>
          <a:prstGeom prst="round2Same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grpSp>
        <p:nvGrpSpPr>
          <p:cNvPr id="80" name="그룹 79">
            <a:extLst>
              <a:ext uri="{FF2B5EF4-FFF2-40B4-BE49-F238E27FC236}">
                <a16:creationId xmlns:a16="http://schemas.microsoft.com/office/drawing/2014/main" id="{DCD6CE55-72AF-44B5-8720-15374CC13339}"/>
              </a:ext>
            </a:extLst>
          </p:cNvPr>
          <p:cNvGrpSpPr/>
          <p:nvPr/>
        </p:nvGrpSpPr>
        <p:grpSpPr>
          <a:xfrm>
            <a:off x="5627076" y="1631770"/>
            <a:ext cx="1244012" cy="813613"/>
            <a:chOff x="1405985" y="1484784"/>
            <a:chExt cx="1465190" cy="813613"/>
          </a:xfrm>
          <a:solidFill>
            <a:srgbClr val="55E4EA"/>
          </a:solidFill>
        </p:grpSpPr>
        <p:sp>
          <p:nvSpPr>
            <p:cNvPr id="86" name="사각형: 둥근 위쪽 모서리 85">
              <a:extLst>
                <a:ext uri="{FF2B5EF4-FFF2-40B4-BE49-F238E27FC236}">
                  <a16:creationId xmlns:a16="http://schemas.microsoft.com/office/drawing/2014/main" id="{CBBE1151-7DB9-4602-8AED-41F44D22233F}"/>
                </a:ext>
              </a:extLst>
            </p:cNvPr>
            <p:cNvSpPr/>
            <p:nvPr/>
          </p:nvSpPr>
          <p:spPr>
            <a:xfrm rot="16200000">
              <a:off x="1483672" y="1407097"/>
              <a:ext cx="813146" cy="968520"/>
            </a:xfrm>
            <a:prstGeom prst="round2SameRect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87" name="직각 삼각형 86">
              <a:extLst>
                <a:ext uri="{FF2B5EF4-FFF2-40B4-BE49-F238E27FC236}">
                  <a16:creationId xmlns:a16="http://schemas.microsoft.com/office/drawing/2014/main" id="{08EA8902-32EA-479A-871E-2A287865AF98}"/>
                </a:ext>
              </a:extLst>
            </p:cNvPr>
            <p:cNvSpPr/>
            <p:nvPr/>
          </p:nvSpPr>
          <p:spPr>
            <a:xfrm rot="5400000">
              <a:off x="2216266" y="1643488"/>
              <a:ext cx="813147" cy="496671"/>
            </a:xfrm>
            <a:prstGeom prst="rtTriangl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85" name="Rectangle 236">
            <a:extLst>
              <a:ext uri="{FF2B5EF4-FFF2-40B4-BE49-F238E27FC236}">
                <a16:creationId xmlns:a16="http://schemas.microsoft.com/office/drawing/2014/main" id="{EC66388D-E0E8-48C8-A74C-E508FBEF832C}"/>
              </a:ext>
            </a:extLst>
          </p:cNvPr>
          <p:cNvSpPr/>
          <p:nvPr/>
        </p:nvSpPr>
        <p:spPr>
          <a:xfrm rot="5400000">
            <a:off x="10445957" y="1942698"/>
            <a:ext cx="813148" cy="191292"/>
          </a:xfrm>
          <a:prstGeom prst="rect">
            <a:avLst/>
          </a:prstGeom>
          <a:blipFill dpi="0" rotWithShape="1">
            <a:blip r:embed="rId4">
              <a:alphaModFix amt="20000"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89" name="사각형: 둥근 위쪽 모서리 88">
            <a:extLst>
              <a:ext uri="{FF2B5EF4-FFF2-40B4-BE49-F238E27FC236}">
                <a16:creationId xmlns:a16="http://schemas.microsoft.com/office/drawing/2014/main" id="{85B497FC-31C7-4309-94F5-1ED3199C7E43}"/>
              </a:ext>
            </a:extLst>
          </p:cNvPr>
          <p:cNvSpPr/>
          <p:nvPr/>
        </p:nvSpPr>
        <p:spPr>
          <a:xfrm rot="5400000">
            <a:off x="8649600" y="395322"/>
            <a:ext cx="813146" cy="5363511"/>
          </a:xfrm>
          <a:prstGeom prst="round2Same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grpSp>
        <p:nvGrpSpPr>
          <p:cNvPr id="90" name="그룹 89">
            <a:extLst>
              <a:ext uri="{FF2B5EF4-FFF2-40B4-BE49-F238E27FC236}">
                <a16:creationId xmlns:a16="http://schemas.microsoft.com/office/drawing/2014/main" id="{06BA9488-FFFC-4581-9C68-6BA020058ABD}"/>
              </a:ext>
            </a:extLst>
          </p:cNvPr>
          <p:cNvGrpSpPr/>
          <p:nvPr/>
        </p:nvGrpSpPr>
        <p:grpSpPr>
          <a:xfrm>
            <a:off x="5627074" y="2670505"/>
            <a:ext cx="1244013" cy="813613"/>
            <a:chOff x="1405985" y="1484784"/>
            <a:chExt cx="1465190" cy="813613"/>
          </a:xfrm>
          <a:solidFill>
            <a:srgbClr val="B0D850"/>
          </a:solidFill>
        </p:grpSpPr>
        <p:sp>
          <p:nvSpPr>
            <p:cNvPr id="111" name="사각형: 둥근 위쪽 모서리 110">
              <a:extLst>
                <a:ext uri="{FF2B5EF4-FFF2-40B4-BE49-F238E27FC236}">
                  <a16:creationId xmlns:a16="http://schemas.microsoft.com/office/drawing/2014/main" id="{37DB9525-5918-489B-8410-D7EAD32E553D}"/>
                </a:ext>
              </a:extLst>
            </p:cNvPr>
            <p:cNvSpPr/>
            <p:nvPr/>
          </p:nvSpPr>
          <p:spPr>
            <a:xfrm rot="16200000">
              <a:off x="1483672" y="1407097"/>
              <a:ext cx="813146" cy="968520"/>
            </a:xfrm>
            <a:prstGeom prst="round2SameRect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112" name="직각 삼각형 111">
              <a:extLst>
                <a:ext uri="{FF2B5EF4-FFF2-40B4-BE49-F238E27FC236}">
                  <a16:creationId xmlns:a16="http://schemas.microsoft.com/office/drawing/2014/main" id="{A9EBE27C-CEB7-44CE-97D5-8926E9B89D1D}"/>
                </a:ext>
              </a:extLst>
            </p:cNvPr>
            <p:cNvSpPr/>
            <p:nvPr/>
          </p:nvSpPr>
          <p:spPr>
            <a:xfrm rot="5400000">
              <a:off x="2216266" y="1643488"/>
              <a:ext cx="813147" cy="496671"/>
            </a:xfrm>
            <a:prstGeom prst="rtTriangl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110" name="Rectangle 236">
            <a:extLst>
              <a:ext uri="{FF2B5EF4-FFF2-40B4-BE49-F238E27FC236}">
                <a16:creationId xmlns:a16="http://schemas.microsoft.com/office/drawing/2014/main" id="{51658631-F3ED-4490-BD7E-1957DC40AEE1}"/>
              </a:ext>
            </a:extLst>
          </p:cNvPr>
          <p:cNvSpPr/>
          <p:nvPr/>
        </p:nvSpPr>
        <p:spPr>
          <a:xfrm rot="5400000">
            <a:off x="10445957" y="2981433"/>
            <a:ext cx="813148" cy="191292"/>
          </a:xfrm>
          <a:prstGeom prst="rect">
            <a:avLst/>
          </a:prstGeom>
          <a:blipFill dpi="0" rotWithShape="1">
            <a:blip r:embed="rId4">
              <a:alphaModFix amt="20000"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114" name="사각형: 둥근 위쪽 모서리 113">
            <a:extLst>
              <a:ext uri="{FF2B5EF4-FFF2-40B4-BE49-F238E27FC236}">
                <a16:creationId xmlns:a16="http://schemas.microsoft.com/office/drawing/2014/main" id="{F933375C-C20B-46B5-8203-C618240DDCA6}"/>
              </a:ext>
            </a:extLst>
          </p:cNvPr>
          <p:cNvSpPr/>
          <p:nvPr/>
        </p:nvSpPr>
        <p:spPr>
          <a:xfrm rot="5400000">
            <a:off x="8649600" y="1434057"/>
            <a:ext cx="813146" cy="5363511"/>
          </a:xfrm>
          <a:prstGeom prst="round2Same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grpSp>
        <p:nvGrpSpPr>
          <p:cNvPr id="115" name="그룹 114">
            <a:extLst>
              <a:ext uri="{FF2B5EF4-FFF2-40B4-BE49-F238E27FC236}">
                <a16:creationId xmlns:a16="http://schemas.microsoft.com/office/drawing/2014/main" id="{DB65AEE2-DB91-45DB-AA28-5B280CA32105}"/>
              </a:ext>
            </a:extLst>
          </p:cNvPr>
          <p:cNvGrpSpPr/>
          <p:nvPr/>
        </p:nvGrpSpPr>
        <p:grpSpPr>
          <a:xfrm>
            <a:off x="5627074" y="3709240"/>
            <a:ext cx="1244014" cy="813613"/>
            <a:chOff x="1405985" y="1484784"/>
            <a:chExt cx="1465190" cy="813613"/>
          </a:xfrm>
          <a:solidFill>
            <a:srgbClr val="82B0CC"/>
          </a:solidFill>
        </p:grpSpPr>
        <p:sp>
          <p:nvSpPr>
            <p:cNvPr id="121" name="사각형: 둥근 위쪽 모서리 120">
              <a:extLst>
                <a:ext uri="{FF2B5EF4-FFF2-40B4-BE49-F238E27FC236}">
                  <a16:creationId xmlns:a16="http://schemas.microsoft.com/office/drawing/2014/main" id="{76FBD120-9522-41A7-A20E-4E24F680387C}"/>
                </a:ext>
              </a:extLst>
            </p:cNvPr>
            <p:cNvSpPr/>
            <p:nvPr/>
          </p:nvSpPr>
          <p:spPr>
            <a:xfrm rot="16200000">
              <a:off x="1483672" y="1407097"/>
              <a:ext cx="813146" cy="968520"/>
            </a:xfrm>
            <a:prstGeom prst="round2SameRect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122" name="직각 삼각형 121">
              <a:extLst>
                <a:ext uri="{FF2B5EF4-FFF2-40B4-BE49-F238E27FC236}">
                  <a16:creationId xmlns:a16="http://schemas.microsoft.com/office/drawing/2014/main" id="{5860B899-C633-4DCE-90F4-C241C63C49D4}"/>
                </a:ext>
              </a:extLst>
            </p:cNvPr>
            <p:cNvSpPr/>
            <p:nvPr/>
          </p:nvSpPr>
          <p:spPr>
            <a:xfrm rot="5400000">
              <a:off x="2216266" y="1643488"/>
              <a:ext cx="813147" cy="496671"/>
            </a:xfrm>
            <a:prstGeom prst="rtTriangl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120" name="Rectangle 236">
            <a:extLst>
              <a:ext uri="{FF2B5EF4-FFF2-40B4-BE49-F238E27FC236}">
                <a16:creationId xmlns:a16="http://schemas.microsoft.com/office/drawing/2014/main" id="{5ED846C1-3CF9-48AB-A773-110497ABDD58}"/>
              </a:ext>
            </a:extLst>
          </p:cNvPr>
          <p:cNvSpPr/>
          <p:nvPr/>
        </p:nvSpPr>
        <p:spPr>
          <a:xfrm rot="5400000">
            <a:off x="10445957" y="4020168"/>
            <a:ext cx="813148" cy="191292"/>
          </a:xfrm>
          <a:prstGeom prst="rect">
            <a:avLst/>
          </a:prstGeom>
          <a:blipFill dpi="0" rotWithShape="1">
            <a:blip r:embed="rId4">
              <a:alphaModFix amt="20000"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124" name="사각형: 둥근 위쪽 모서리 123">
            <a:extLst>
              <a:ext uri="{FF2B5EF4-FFF2-40B4-BE49-F238E27FC236}">
                <a16:creationId xmlns:a16="http://schemas.microsoft.com/office/drawing/2014/main" id="{E4333382-2054-4688-9DB1-206C2774BAF3}"/>
              </a:ext>
            </a:extLst>
          </p:cNvPr>
          <p:cNvSpPr/>
          <p:nvPr/>
        </p:nvSpPr>
        <p:spPr>
          <a:xfrm rot="5400000">
            <a:off x="8522113" y="2451216"/>
            <a:ext cx="813146" cy="5363511"/>
          </a:xfrm>
          <a:prstGeom prst="round2Same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grpSp>
        <p:nvGrpSpPr>
          <p:cNvPr id="125" name="그룹 124">
            <a:extLst>
              <a:ext uri="{FF2B5EF4-FFF2-40B4-BE49-F238E27FC236}">
                <a16:creationId xmlns:a16="http://schemas.microsoft.com/office/drawing/2014/main" id="{086020A5-280F-433F-94DE-40A329FBD61D}"/>
              </a:ext>
            </a:extLst>
          </p:cNvPr>
          <p:cNvGrpSpPr/>
          <p:nvPr/>
        </p:nvGrpSpPr>
        <p:grpSpPr>
          <a:xfrm>
            <a:off x="5627074" y="4747974"/>
            <a:ext cx="1244014" cy="813613"/>
            <a:chOff x="1405985" y="1484784"/>
            <a:chExt cx="1465190" cy="813613"/>
          </a:xfrm>
          <a:solidFill>
            <a:srgbClr val="4F5881"/>
          </a:solidFill>
        </p:grpSpPr>
        <p:sp>
          <p:nvSpPr>
            <p:cNvPr id="131" name="사각형: 둥근 위쪽 모서리 130">
              <a:extLst>
                <a:ext uri="{FF2B5EF4-FFF2-40B4-BE49-F238E27FC236}">
                  <a16:creationId xmlns:a16="http://schemas.microsoft.com/office/drawing/2014/main" id="{5C62486F-83B2-4608-A6D7-8697C9C3E2B6}"/>
                </a:ext>
              </a:extLst>
            </p:cNvPr>
            <p:cNvSpPr/>
            <p:nvPr/>
          </p:nvSpPr>
          <p:spPr>
            <a:xfrm rot="16200000">
              <a:off x="1483672" y="1407097"/>
              <a:ext cx="813146" cy="968520"/>
            </a:xfrm>
            <a:prstGeom prst="round2SameRect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132" name="직각 삼각형 131">
              <a:extLst>
                <a:ext uri="{FF2B5EF4-FFF2-40B4-BE49-F238E27FC236}">
                  <a16:creationId xmlns:a16="http://schemas.microsoft.com/office/drawing/2014/main" id="{0817C81E-2D51-4CA1-9E94-DE90FD513D2C}"/>
                </a:ext>
              </a:extLst>
            </p:cNvPr>
            <p:cNvSpPr/>
            <p:nvPr/>
          </p:nvSpPr>
          <p:spPr>
            <a:xfrm rot="5400000">
              <a:off x="2216266" y="1643488"/>
              <a:ext cx="813147" cy="496671"/>
            </a:xfrm>
            <a:prstGeom prst="rtTriangl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130" name="Rectangle 236">
            <a:extLst>
              <a:ext uri="{FF2B5EF4-FFF2-40B4-BE49-F238E27FC236}">
                <a16:creationId xmlns:a16="http://schemas.microsoft.com/office/drawing/2014/main" id="{73638ECA-3AD4-4CF2-AAE6-F444B9119FC0}"/>
              </a:ext>
            </a:extLst>
          </p:cNvPr>
          <p:cNvSpPr/>
          <p:nvPr/>
        </p:nvSpPr>
        <p:spPr>
          <a:xfrm rot="5400000">
            <a:off x="10445957" y="5058902"/>
            <a:ext cx="813148" cy="191292"/>
          </a:xfrm>
          <a:prstGeom prst="rect">
            <a:avLst/>
          </a:prstGeom>
          <a:blipFill dpi="0" rotWithShape="1">
            <a:blip r:embed="rId4">
              <a:alphaModFix amt="20000"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52" name="사각형: 둥근 위쪽 모서리 123">
            <a:extLst>
              <a:ext uri="{FF2B5EF4-FFF2-40B4-BE49-F238E27FC236}">
                <a16:creationId xmlns:a16="http://schemas.microsoft.com/office/drawing/2014/main" id="{E4333382-2054-4688-9DB1-206C2774BAF3}"/>
              </a:ext>
            </a:extLst>
          </p:cNvPr>
          <p:cNvSpPr/>
          <p:nvPr/>
        </p:nvSpPr>
        <p:spPr>
          <a:xfrm rot="5400000">
            <a:off x="8522114" y="3390972"/>
            <a:ext cx="813146" cy="5618482"/>
          </a:xfrm>
          <a:prstGeom prst="round2Same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grpSp>
        <p:nvGrpSpPr>
          <p:cNvPr id="54" name="그룹 124">
            <a:extLst>
              <a:ext uri="{FF2B5EF4-FFF2-40B4-BE49-F238E27FC236}">
                <a16:creationId xmlns:a16="http://schemas.microsoft.com/office/drawing/2014/main" id="{086020A5-280F-433F-94DE-40A329FBD61D}"/>
              </a:ext>
            </a:extLst>
          </p:cNvPr>
          <p:cNvGrpSpPr/>
          <p:nvPr/>
        </p:nvGrpSpPr>
        <p:grpSpPr>
          <a:xfrm>
            <a:off x="5627074" y="5793640"/>
            <a:ext cx="1139486" cy="813613"/>
            <a:chOff x="1405985" y="1484784"/>
            <a:chExt cx="1465190" cy="813613"/>
          </a:xfrm>
          <a:solidFill>
            <a:srgbClr val="4F5881"/>
          </a:solidFill>
        </p:grpSpPr>
        <p:sp>
          <p:nvSpPr>
            <p:cNvPr id="55" name="사각형: 둥근 위쪽 모서리 130">
              <a:extLst>
                <a:ext uri="{FF2B5EF4-FFF2-40B4-BE49-F238E27FC236}">
                  <a16:creationId xmlns:a16="http://schemas.microsoft.com/office/drawing/2014/main" id="{5C62486F-83B2-4608-A6D7-8697C9C3E2B6}"/>
                </a:ext>
              </a:extLst>
            </p:cNvPr>
            <p:cNvSpPr/>
            <p:nvPr/>
          </p:nvSpPr>
          <p:spPr>
            <a:xfrm rot="16200000">
              <a:off x="1483672" y="1407097"/>
              <a:ext cx="813146" cy="968520"/>
            </a:xfrm>
            <a:prstGeom prst="round2SameRect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56" name="직각 삼각형 131">
              <a:extLst>
                <a:ext uri="{FF2B5EF4-FFF2-40B4-BE49-F238E27FC236}">
                  <a16:creationId xmlns:a16="http://schemas.microsoft.com/office/drawing/2014/main" id="{0817C81E-2D51-4CA1-9E94-DE90FD513D2C}"/>
                </a:ext>
              </a:extLst>
            </p:cNvPr>
            <p:cNvSpPr/>
            <p:nvPr/>
          </p:nvSpPr>
          <p:spPr>
            <a:xfrm rot="5400000">
              <a:off x="2216266" y="1643488"/>
              <a:ext cx="813147" cy="496671"/>
            </a:xfrm>
            <a:prstGeom prst="rtTriangl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61" name="Rectangle 236">
            <a:extLst>
              <a:ext uri="{FF2B5EF4-FFF2-40B4-BE49-F238E27FC236}">
                <a16:creationId xmlns:a16="http://schemas.microsoft.com/office/drawing/2014/main" id="{73638ECA-3AD4-4CF2-AAE6-F444B9119FC0}"/>
              </a:ext>
            </a:extLst>
          </p:cNvPr>
          <p:cNvSpPr/>
          <p:nvPr/>
        </p:nvSpPr>
        <p:spPr>
          <a:xfrm rot="5400000">
            <a:off x="10445956" y="6104568"/>
            <a:ext cx="813148" cy="191292"/>
          </a:xfrm>
          <a:prstGeom prst="rect">
            <a:avLst/>
          </a:prstGeom>
          <a:blipFill dpi="0" rotWithShape="1">
            <a:blip r:embed="rId4">
              <a:alphaModFix amt="20000"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" name="Dikdörtgen 3"/>
          <p:cNvSpPr/>
          <p:nvPr/>
        </p:nvSpPr>
        <p:spPr>
          <a:xfrm>
            <a:off x="6910864" y="707218"/>
            <a:ext cx="3522118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altLang="ko-K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Allah İnancı ve İnsan</a:t>
            </a:r>
            <a:endParaRPr kumimoji="0" lang="ko-KR" altLang="en-US" sz="2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Helvetica" panose="020B0604020202020204" pitchFamily="34" charset="0"/>
              <a:ea typeface="맑은 고딕"/>
              <a:cs typeface="Helvetica" panose="020B0604020202020204" pitchFamily="34" charset="0"/>
            </a:endParaRPr>
          </a:p>
        </p:txBody>
      </p:sp>
      <p:sp>
        <p:nvSpPr>
          <p:cNvPr id="6" name="Dikdörtgen 5"/>
          <p:cNvSpPr/>
          <p:nvPr/>
        </p:nvSpPr>
        <p:spPr>
          <a:xfrm>
            <a:off x="6766560" y="1785477"/>
            <a:ext cx="3934667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Allah’ın Varlığı ve Birliği</a:t>
            </a:r>
          </a:p>
        </p:txBody>
      </p:sp>
      <p:sp>
        <p:nvSpPr>
          <p:cNvPr id="8" name="Dikdörtgen 7"/>
          <p:cNvSpPr/>
          <p:nvPr/>
        </p:nvSpPr>
        <p:spPr>
          <a:xfrm>
            <a:off x="6838389" y="2792105"/>
            <a:ext cx="3938899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Allah’ın İsim ve Sıfatları</a:t>
            </a:r>
          </a:p>
        </p:txBody>
      </p:sp>
      <p:sp>
        <p:nvSpPr>
          <p:cNvPr id="9" name="Dikdörtgen 8"/>
          <p:cNvSpPr/>
          <p:nvPr/>
        </p:nvSpPr>
        <p:spPr>
          <a:xfrm>
            <a:off x="6825851" y="3654338"/>
            <a:ext cx="4105111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Kur’an-ı Kerim’de İnsan ve Özellikleri</a:t>
            </a:r>
          </a:p>
        </p:txBody>
      </p:sp>
      <p:sp>
        <p:nvSpPr>
          <p:cNvPr id="10" name="Dikdörtgen 9"/>
          <p:cNvSpPr/>
          <p:nvPr/>
        </p:nvSpPr>
        <p:spPr>
          <a:xfrm>
            <a:off x="6824712" y="4856191"/>
            <a:ext cx="3802066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İnsanın Allah ile İrtibatı</a:t>
            </a:r>
          </a:p>
        </p:txBody>
      </p:sp>
      <p:sp>
        <p:nvSpPr>
          <p:cNvPr id="11" name="Dikdörtgen 10"/>
          <p:cNvSpPr/>
          <p:nvPr/>
        </p:nvSpPr>
        <p:spPr>
          <a:xfrm>
            <a:off x="6670661" y="5753428"/>
            <a:ext cx="4617334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Kur’an’dan </a:t>
            </a:r>
            <a:r>
              <a:rPr kumimoji="0" lang="tr-TR" sz="28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Mesajlar:Rûm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 Suresi 18-27. Ayetler</a:t>
            </a:r>
          </a:p>
        </p:txBody>
      </p:sp>
      <p:sp>
        <p:nvSpPr>
          <p:cNvPr id="12" name="Metin kutusu 11"/>
          <p:cNvSpPr txBox="1"/>
          <p:nvPr/>
        </p:nvSpPr>
        <p:spPr>
          <a:xfrm>
            <a:off x="5809956" y="662718"/>
            <a:ext cx="295422" cy="738664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1</a:t>
            </a:r>
          </a:p>
        </p:txBody>
      </p:sp>
      <p:sp>
        <p:nvSpPr>
          <p:cNvPr id="69" name="Metin kutusu 68"/>
          <p:cNvSpPr txBox="1"/>
          <p:nvPr/>
        </p:nvSpPr>
        <p:spPr>
          <a:xfrm>
            <a:off x="5841542" y="1699748"/>
            <a:ext cx="295422" cy="738664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2</a:t>
            </a:r>
          </a:p>
        </p:txBody>
      </p:sp>
      <p:sp>
        <p:nvSpPr>
          <p:cNvPr id="70" name="Metin kutusu 69"/>
          <p:cNvSpPr txBox="1"/>
          <p:nvPr/>
        </p:nvSpPr>
        <p:spPr>
          <a:xfrm>
            <a:off x="5841542" y="2774912"/>
            <a:ext cx="295422" cy="738664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3</a:t>
            </a:r>
          </a:p>
        </p:txBody>
      </p:sp>
      <p:sp>
        <p:nvSpPr>
          <p:cNvPr id="71" name="Metin kutusu 70"/>
          <p:cNvSpPr txBox="1"/>
          <p:nvPr/>
        </p:nvSpPr>
        <p:spPr>
          <a:xfrm>
            <a:off x="5857105" y="3771939"/>
            <a:ext cx="295422" cy="738664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4</a:t>
            </a:r>
          </a:p>
        </p:txBody>
      </p:sp>
      <p:sp>
        <p:nvSpPr>
          <p:cNvPr id="72" name="Metin kutusu 71"/>
          <p:cNvSpPr txBox="1"/>
          <p:nvPr/>
        </p:nvSpPr>
        <p:spPr>
          <a:xfrm>
            <a:off x="5840489" y="4810673"/>
            <a:ext cx="295422" cy="738664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5</a:t>
            </a:r>
          </a:p>
        </p:txBody>
      </p:sp>
      <p:sp>
        <p:nvSpPr>
          <p:cNvPr id="73" name="Metin kutusu 72"/>
          <p:cNvSpPr txBox="1"/>
          <p:nvPr/>
        </p:nvSpPr>
        <p:spPr>
          <a:xfrm>
            <a:off x="5837116" y="5852873"/>
            <a:ext cx="295422" cy="738664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6</a:t>
            </a:r>
          </a:p>
        </p:txBody>
      </p:sp>
      <p:pic>
        <p:nvPicPr>
          <p:cNvPr id="13" name="Resim 1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0859578" y="583640"/>
            <a:ext cx="825003" cy="825003"/>
          </a:xfrm>
          <a:prstGeom prst="rect">
            <a:avLst/>
          </a:prstGeom>
        </p:spPr>
      </p:pic>
      <p:pic>
        <p:nvPicPr>
          <p:cNvPr id="14" name="Resim 13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930962" y="1660275"/>
            <a:ext cx="714067" cy="782438"/>
          </a:xfrm>
          <a:prstGeom prst="ellipse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15" name="Resim 14"/>
          <p:cNvPicPr>
            <a:picLocks noChangeAspect="1"/>
          </p:cNvPicPr>
          <p:nvPr/>
        </p:nvPicPr>
        <p:blipFill rotWithShape="1">
          <a:blip r:embed="rId7"/>
          <a:srcRect l="22267" t="10233" r="24072" b="5966"/>
          <a:stretch/>
        </p:blipFill>
        <p:spPr>
          <a:xfrm>
            <a:off x="10873247" y="2755227"/>
            <a:ext cx="864681" cy="759571"/>
          </a:xfrm>
          <a:prstGeom prst="ellipse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1026" name="Picture 2" descr="Kuran Risale-i Nur Kitabı Rahle Allah, kitap PNG | PNGResmi"/>
          <p:cNvPicPr>
            <a:picLocks noChangeAspect="1" noChangeArrowheads="1"/>
          </p:cNvPicPr>
          <p:nvPr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0" b="99000" l="0" r="99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946417" y="5871556"/>
            <a:ext cx="717852" cy="7178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0" name="Picture 6" descr="Muslim Cartoon clipart - Religion, transparent clip art"/>
          <p:cNvPicPr>
            <a:picLocks noChangeAspect="1" noChangeArrowheads="1"/>
          </p:cNvPicPr>
          <p:nvPr/>
        </p:nvPicPr>
        <p:blipFill rotWithShape="1"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577" b="95769" l="11000" r="9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23881" t="98" r="25544" b="8217"/>
          <a:stretch/>
        </p:blipFill>
        <p:spPr bwMode="auto">
          <a:xfrm>
            <a:off x="10859578" y="4754439"/>
            <a:ext cx="688651" cy="721299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2" name="Picture 8" descr="Clipart kısa kollu ayakta duran genç erkek resmi | Meb Ders"/>
          <p:cNvPicPr>
            <a:picLocks noChangeAspect="1" noChangeArrowheads="1"/>
          </p:cNvPicPr>
          <p:nvPr/>
        </p:nvPicPr>
        <p:blipFill rotWithShape="1"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108" t="-3344" r="31482" b="-1223"/>
          <a:stretch/>
        </p:blipFill>
        <p:spPr bwMode="auto">
          <a:xfrm>
            <a:off x="11047118" y="3776383"/>
            <a:ext cx="385935" cy="69592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7" name="Dikdörtgen 16"/>
          <p:cNvSpPr/>
          <p:nvPr/>
        </p:nvSpPr>
        <p:spPr>
          <a:xfrm>
            <a:off x="254196" y="936277"/>
            <a:ext cx="4788361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srgbClr val="C00000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ALLAH İNSAN İLİŞKİSİ</a:t>
            </a:r>
          </a:p>
        </p:txBody>
      </p:sp>
      <p:sp>
        <p:nvSpPr>
          <p:cNvPr id="95" name="Dikdörtgen 94"/>
          <p:cNvSpPr/>
          <p:nvPr/>
        </p:nvSpPr>
        <p:spPr>
          <a:xfrm>
            <a:off x="417019" y="370330"/>
            <a:ext cx="4788361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10.SINIF 1.ÜNİTE</a:t>
            </a:r>
          </a:p>
        </p:txBody>
      </p:sp>
      <p:pic>
        <p:nvPicPr>
          <p:cNvPr id="20" name="Resim 19"/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596190" y="1667272"/>
            <a:ext cx="4548500" cy="2175910"/>
          </a:xfrm>
          <a:prstGeom prst="rect">
            <a:avLst/>
          </a:prstGeom>
        </p:spPr>
      </p:pic>
      <p:pic>
        <p:nvPicPr>
          <p:cNvPr id="21" name="Resim 20"/>
          <p:cNvPicPr>
            <a:picLocks noChangeAspect="1"/>
          </p:cNvPicPr>
          <p:nvPr/>
        </p:nvPicPr>
        <p:blipFill rotWithShape="1">
          <a:blip r:embed="rId14"/>
          <a:srcRect l="226" t="17386" r="14776" b="10035"/>
          <a:stretch/>
        </p:blipFill>
        <p:spPr>
          <a:xfrm>
            <a:off x="596189" y="3969466"/>
            <a:ext cx="4609189" cy="281650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14313897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47000">
              <a:srgbClr val="DDDDDD"/>
            </a:gs>
            <a:gs pos="100000">
              <a:schemeClr val="bg1">
                <a:lumMod val="95000"/>
              </a:schemeClr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Dikdörtgen 29"/>
          <p:cNvSpPr/>
          <p:nvPr/>
        </p:nvSpPr>
        <p:spPr>
          <a:xfrm>
            <a:off x="126126" y="851336"/>
            <a:ext cx="2610506" cy="693682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azaltır.</a:t>
            </a:r>
          </a:p>
        </p:txBody>
      </p:sp>
      <p:sp>
        <p:nvSpPr>
          <p:cNvPr id="31" name="Dikdörtgen 30"/>
          <p:cNvSpPr/>
          <p:nvPr/>
        </p:nvSpPr>
        <p:spPr>
          <a:xfrm>
            <a:off x="4449160" y="120658"/>
            <a:ext cx="2610506" cy="599093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sağlar.</a:t>
            </a:r>
          </a:p>
        </p:txBody>
      </p:sp>
      <p:sp>
        <p:nvSpPr>
          <p:cNvPr id="32" name="Dikdörtgen 31"/>
          <p:cNvSpPr/>
          <p:nvPr/>
        </p:nvSpPr>
        <p:spPr>
          <a:xfrm>
            <a:off x="8878933" y="974187"/>
            <a:ext cx="2610506" cy="599093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ulaştırır.</a:t>
            </a:r>
          </a:p>
        </p:txBody>
      </p:sp>
      <p:sp>
        <p:nvSpPr>
          <p:cNvPr id="33" name="Dikdörtgen 32"/>
          <p:cNvSpPr/>
          <p:nvPr/>
        </p:nvSpPr>
        <p:spPr>
          <a:xfrm>
            <a:off x="9110169" y="5607262"/>
            <a:ext cx="2610506" cy="599093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artırır.</a:t>
            </a:r>
          </a:p>
        </p:txBody>
      </p:sp>
      <p:sp>
        <p:nvSpPr>
          <p:cNvPr id="34" name="Dikdörtgen 33"/>
          <p:cNvSpPr/>
          <p:nvPr/>
        </p:nvSpPr>
        <p:spPr>
          <a:xfrm>
            <a:off x="4441282" y="6051322"/>
            <a:ext cx="2610506" cy="599093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geliştirir.</a:t>
            </a:r>
          </a:p>
        </p:txBody>
      </p:sp>
      <p:sp>
        <p:nvSpPr>
          <p:cNvPr id="35" name="Dikdörtgen 34"/>
          <p:cNvSpPr/>
          <p:nvPr/>
        </p:nvSpPr>
        <p:spPr>
          <a:xfrm>
            <a:off x="215465" y="5307716"/>
            <a:ext cx="2521167" cy="599093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engel olur.</a:t>
            </a:r>
          </a:p>
        </p:txBody>
      </p:sp>
      <p:grpSp>
        <p:nvGrpSpPr>
          <p:cNvPr id="58" name="Grup 57"/>
          <p:cNvGrpSpPr/>
          <p:nvPr/>
        </p:nvGrpSpPr>
        <p:grpSpPr>
          <a:xfrm>
            <a:off x="2825972" y="1241540"/>
            <a:ext cx="2082360" cy="1692486"/>
            <a:chOff x="2825972" y="1241540"/>
            <a:chExt cx="2082360" cy="1692486"/>
          </a:xfrm>
        </p:grpSpPr>
        <p:cxnSp>
          <p:nvCxnSpPr>
            <p:cNvPr id="5" name="Düz Ok Bağlayıcısı 4"/>
            <p:cNvCxnSpPr/>
            <p:nvPr/>
          </p:nvCxnSpPr>
          <p:spPr>
            <a:xfrm flipH="1" flipV="1">
              <a:off x="2825972" y="1241540"/>
              <a:ext cx="2082360" cy="1692486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6" name="Dikdörtgen 45"/>
            <p:cNvSpPr/>
            <p:nvPr/>
          </p:nvSpPr>
          <p:spPr>
            <a:xfrm>
              <a:off x="3020410" y="2050176"/>
              <a:ext cx="1576552" cy="536028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59" name="Grup 58"/>
          <p:cNvGrpSpPr/>
          <p:nvPr/>
        </p:nvGrpSpPr>
        <p:grpSpPr>
          <a:xfrm>
            <a:off x="4966137" y="851336"/>
            <a:ext cx="1576552" cy="2543506"/>
            <a:chOff x="4966137" y="851336"/>
            <a:chExt cx="1576552" cy="2543506"/>
          </a:xfrm>
        </p:grpSpPr>
        <p:cxnSp>
          <p:nvCxnSpPr>
            <p:cNvPr id="9" name="Düz Ok Bağlayıcısı 8"/>
            <p:cNvCxnSpPr/>
            <p:nvPr/>
          </p:nvCxnSpPr>
          <p:spPr>
            <a:xfrm flipH="1" flipV="1">
              <a:off x="5746535" y="851336"/>
              <a:ext cx="7878" cy="2543506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7" name="Dikdörtgen 46"/>
            <p:cNvSpPr/>
            <p:nvPr/>
          </p:nvSpPr>
          <p:spPr>
            <a:xfrm>
              <a:off x="4966137" y="1522364"/>
              <a:ext cx="1576552" cy="536028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61" name="Grup 60"/>
          <p:cNvGrpSpPr/>
          <p:nvPr/>
        </p:nvGrpSpPr>
        <p:grpSpPr>
          <a:xfrm>
            <a:off x="6592616" y="1198177"/>
            <a:ext cx="2171700" cy="1800237"/>
            <a:chOff x="6592616" y="1198177"/>
            <a:chExt cx="2171700" cy="1800237"/>
          </a:xfrm>
        </p:grpSpPr>
        <p:cxnSp>
          <p:nvCxnSpPr>
            <p:cNvPr id="12" name="Düz Ok Bağlayıcısı 11"/>
            <p:cNvCxnSpPr/>
            <p:nvPr/>
          </p:nvCxnSpPr>
          <p:spPr>
            <a:xfrm flipV="1">
              <a:off x="6592616" y="1198177"/>
              <a:ext cx="2171700" cy="1800237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8" name="Dikdörtgen 47"/>
            <p:cNvSpPr/>
            <p:nvPr/>
          </p:nvSpPr>
          <p:spPr>
            <a:xfrm>
              <a:off x="6915806" y="2075129"/>
              <a:ext cx="1576552" cy="536028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64" name="Grup 63"/>
          <p:cNvGrpSpPr/>
          <p:nvPr/>
        </p:nvGrpSpPr>
        <p:grpSpPr>
          <a:xfrm>
            <a:off x="6612648" y="3774280"/>
            <a:ext cx="2156263" cy="1977495"/>
            <a:chOff x="6612648" y="3774280"/>
            <a:chExt cx="2156263" cy="1977495"/>
          </a:xfrm>
        </p:grpSpPr>
        <p:cxnSp>
          <p:nvCxnSpPr>
            <p:cNvPr id="19" name="Düz Ok Bağlayıcısı 18"/>
            <p:cNvCxnSpPr/>
            <p:nvPr/>
          </p:nvCxnSpPr>
          <p:spPr>
            <a:xfrm>
              <a:off x="6612648" y="3774280"/>
              <a:ext cx="2156263" cy="1977495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9" name="Dikdörtgen 48"/>
            <p:cNvSpPr/>
            <p:nvPr/>
          </p:nvSpPr>
          <p:spPr>
            <a:xfrm>
              <a:off x="6737130" y="4346343"/>
              <a:ext cx="1576552" cy="536028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65" name="Grup 64"/>
          <p:cNvGrpSpPr/>
          <p:nvPr/>
        </p:nvGrpSpPr>
        <p:grpSpPr>
          <a:xfrm>
            <a:off x="4926074" y="3890141"/>
            <a:ext cx="1576552" cy="2016668"/>
            <a:chOff x="4926074" y="3890141"/>
            <a:chExt cx="1576552" cy="2016668"/>
          </a:xfrm>
        </p:grpSpPr>
        <p:cxnSp>
          <p:nvCxnSpPr>
            <p:cNvPr id="22" name="Düz Ok Bağlayıcısı 21"/>
            <p:cNvCxnSpPr/>
            <p:nvPr/>
          </p:nvCxnSpPr>
          <p:spPr>
            <a:xfrm flipH="1">
              <a:off x="5746535" y="3890141"/>
              <a:ext cx="7878" cy="2016668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0" name="Dikdörtgen 49"/>
            <p:cNvSpPr/>
            <p:nvPr/>
          </p:nvSpPr>
          <p:spPr>
            <a:xfrm>
              <a:off x="4926074" y="4891249"/>
              <a:ext cx="1576552" cy="536028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66" name="Grup 65"/>
          <p:cNvGrpSpPr/>
          <p:nvPr/>
        </p:nvGrpSpPr>
        <p:grpSpPr>
          <a:xfrm>
            <a:off x="2825972" y="3774280"/>
            <a:ext cx="2140165" cy="1848754"/>
            <a:chOff x="2825972" y="3774280"/>
            <a:chExt cx="2140165" cy="1848754"/>
          </a:xfrm>
        </p:grpSpPr>
        <p:cxnSp>
          <p:nvCxnSpPr>
            <p:cNvPr id="24" name="Düz Ok Bağlayıcısı 23"/>
            <p:cNvCxnSpPr/>
            <p:nvPr/>
          </p:nvCxnSpPr>
          <p:spPr>
            <a:xfrm flipH="1">
              <a:off x="2825972" y="3774280"/>
              <a:ext cx="2140165" cy="1848754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2" name="Dikdörtgen 51"/>
            <p:cNvSpPr/>
            <p:nvPr/>
          </p:nvSpPr>
          <p:spPr>
            <a:xfrm>
              <a:off x="3187266" y="4342081"/>
              <a:ext cx="1576552" cy="512713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3" name="Yuvarlatılmış Dikdörtgen 2"/>
          <p:cNvSpPr/>
          <p:nvPr/>
        </p:nvSpPr>
        <p:spPr>
          <a:xfrm>
            <a:off x="4596962" y="2729420"/>
            <a:ext cx="2318844" cy="1270102"/>
          </a:xfrm>
          <a:prstGeom prst="roundRect">
            <a:avLst/>
          </a:prstGeom>
          <a:solidFill>
            <a:srgbClr val="FFFF99"/>
          </a:solidFill>
          <a:ln w="28575"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Allah İnancı</a:t>
            </a:r>
          </a:p>
        </p:txBody>
      </p:sp>
      <p:sp>
        <p:nvSpPr>
          <p:cNvPr id="28" name="Dikdörtgen 27"/>
          <p:cNvSpPr/>
          <p:nvPr/>
        </p:nvSpPr>
        <p:spPr>
          <a:xfrm>
            <a:off x="102477" y="2883083"/>
            <a:ext cx="2747142" cy="1782394"/>
          </a:xfrm>
          <a:prstGeom prst="rect">
            <a:avLst/>
          </a:prstGeom>
          <a:solidFill>
            <a:srgbClr val="20B7B2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Boş kutuları uygun bir şekilde doldurunuz</a:t>
            </a: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5239973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500"/>
                            </p:stCondLst>
                            <p:childTnLst>
                              <p:par>
                                <p:cTn id="25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3000"/>
                            </p:stCondLst>
                            <p:childTnLst>
                              <p:par>
                                <p:cTn id="2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3500"/>
                            </p:stCondLst>
                            <p:childTnLst>
                              <p:par>
                                <p:cTn id="3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5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4000"/>
                            </p:stCondLst>
                            <p:childTnLst>
                              <p:par>
                                <p:cTn id="3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4500"/>
                            </p:stCondLst>
                            <p:childTnLst>
                              <p:par>
                                <p:cTn id="4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3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0"/>
                            </p:stCondLst>
                            <p:childTnLst>
                              <p:par>
                                <p:cTn id="4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5500"/>
                            </p:stCondLst>
                            <p:childTnLst>
                              <p:par>
                                <p:cTn id="4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1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6000"/>
                            </p:stCondLst>
                            <p:childTnLst>
                              <p:par>
                                <p:cTn id="5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6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animBg="1"/>
      <p:bldP spid="31" grpId="0" animBg="1"/>
      <p:bldP spid="32" grpId="0" animBg="1"/>
      <p:bldP spid="33" grpId="0" animBg="1"/>
      <p:bldP spid="34" grpId="0" animBg="1"/>
      <p:bldP spid="35" grpId="0" animBg="1"/>
      <p:bldP spid="3" grpId="0" animBg="1"/>
      <p:bldP spid="28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rgbClr val="EEEEEE"/>
            </a:gs>
            <a:gs pos="100000">
              <a:schemeClr val="bg1">
                <a:lumMod val="85000"/>
              </a:schemeClr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Dikdörtgen 29"/>
          <p:cNvSpPr/>
          <p:nvPr/>
        </p:nvSpPr>
        <p:spPr>
          <a:xfrm>
            <a:off x="126126" y="851336"/>
            <a:ext cx="2610506" cy="693682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azaltır.</a:t>
            </a:r>
          </a:p>
        </p:txBody>
      </p:sp>
      <p:sp>
        <p:nvSpPr>
          <p:cNvPr id="31" name="Dikdörtgen 30"/>
          <p:cNvSpPr/>
          <p:nvPr/>
        </p:nvSpPr>
        <p:spPr>
          <a:xfrm>
            <a:off x="4449160" y="120658"/>
            <a:ext cx="2610506" cy="599093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sağlar.</a:t>
            </a:r>
          </a:p>
        </p:txBody>
      </p:sp>
      <p:sp>
        <p:nvSpPr>
          <p:cNvPr id="32" name="Dikdörtgen 31"/>
          <p:cNvSpPr/>
          <p:nvPr/>
        </p:nvSpPr>
        <p:spPr>
          <a:xfrm>
            <a:off x="8878933" y="974187"/>
            <a:ext cx="2610506" cy="599093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ulaştırır.</a:t>
            </a:r>
          </a:p>
        </p:txBody>
      </p:sp>
      <p:sp>
        <p:nvSpPr>
          <p:cNvPr id="33" name="Dikdörtgen 32"/>
          <p:cNvSpPr/>
          <p:nvPr/>
        </p:nvSpPr>
        <p:spPr>
          <a:xfrm>
            <a:off x="9110169" y="5607262"/>
            <a:ext cx="2610506" cy="599093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artırır.</a:t>
            </a:r>
          </a:p>
        </p:txBody>
      </p:sp>
      <p:sp>
        <p:nvSpPr>
          <p:cNvPr id="34" name="Dikdörtgen 33"/>
          <p:cNvSpPr/>
          <p:nvPr/>
        </p:nvSpPr>
        <p:spPr>
          <a:xfrm>
            <a:off x="4441282" y="6051322"/>
            <a:ext cx="2610506" cy="599093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geliştirir.</a:t>
            </a:r>
          </a:p>
        </p:txBody>
      </p:sp>
      <p:sp>
        <p:nvSpPr>
          <p:cNvPr id="35" name="Dikdörtgen 34"/>
          <p:cNvSpPr/>
          <p:nvPr/>
        </p:nvSpPr>
        <p:spPr>
          <a:xfrm>
            <a:off x="215465" y="5307716"/>
            <a:ext cx="2521167" cy="599093"/>
          </a:xfrm>
          <a:prstGeom prst="rect">
            <a:avLst/>
          </a:prstGeom>
          <a:solidFill>
            <a:schemeClr val="tx2">
              <a:lumMod val="20000"/>
              <a:lumOff val="80000"/>
            </a:schemeClr>
          </a:solidFill>
          <a:ln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engel olur.</a:t>
            </a:r>
          </a:p>
        </p:txBody>
      </p:sp>
      <p:grpSp>
        <p:nvGrpSpPr>
          <p:cNvPr id="58" name="Grup 57"/>
          <p:cNvGrpSpPr/>
          <p:nvPr/>
        </p:nvGrpSpPr>
        <p:grpSpPr>
          <a:xfrm>
            <a:off x="2231135" y="1241540"/>
            <a:ext cx="2677197" cy="1692486"/>
            <a:chOff x="2231135" y="1241540"/>
            <a:chExt cx="2677197" cy="1692486"/>
          </a:xfrm>
        </p:grpSpPr>
        <p:cxnSp>
          <p:nvCxnSpPr>
            <p:cNvPr id="5" name="Düz Ok Bağlayıcısı 4"/>
            <p:cNvCxnSpPr/>
            <p:nvPr/>
          </p:nvCxnSpPr>
          <p:spPr>
            <a:xfrm flipH="1" flipV="1">
              <a:off x="2825972" y="1241540"/>
              <a:ext cx="2082360" cy="1692486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6" name="Dikdörtgen 45"/>
            <p:cNvSpPr/>
            <p:nvPr/>
          </p:nvSpPr>
          <p:spPr>
            <a:xfrm>
              <a:off x="2231135" y="2050176"/>
              <a:ext cx="2365827" cy="536028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Kin ve nefreti</a:t>
              </a:r>
            </a:p>
          </p:txBody>
        </p:sp>
      </p:grpSp>
      <p:grpSp>
        <p:nvGrpSpPr>
          <p:cNvPr id="59" name="Grup 58"/>
          <p:cNvGrpSpPr/>
          <p:nvPr/>
        </p:nvGrpSpPr>
        <p:grpSpPr>
          <a:xfrm>
            <a:off x="4441283" y="726260"/>
            <a:ext cx="2855988" cy="2543506"/>
            <a:chOff x="4456806" y="851336"/>
            <a:chExt cx="2855988" cy="2543506"/>
          </a:xfrm>
        </p:grpSpPr>
        <p:cxnSp>
          <p:nvCxnSpPr>
            <p:cNvPr id="9" name="Düz Ok Bağlayıcısı 8"/>
            <p:cNvCxnSpPr/>
            <p:nvPr/>
          </p:nvCxnSpPr>
          <p:spPr>
            <a:xfrm flipH="1" flipV="1">
              <a:off x="5746535" y="851336"/>
              <a:ext cx="7878" cy="2543506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7" name="Dikdörtgen 46"/>
            <p:cNvSpPr/>
            <p:nvPr/>
          </p:nvSpPr>
          <p:spPr>
            <a:xfrm>
              <a:off x="4456806" y="1292568"/>
              <a:ext cx="2855988" cy="536028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Yardımlaşmayı</a:t>
              </a:r>
            </a:p>
          </p:txBody>
        </p:sp>
      </p:grpSp>
      <p:grpSp>
        <p:nvGrpSpPr>
          <p:cNvPr id="61" name="Grup 60"/>
          <p:cNvGrpSpPr/>
          <p:nvPr/>
        </p:nvGrpSpPr>
        <p:grpSpPr>
          <a:xfrm>
            <a:off x="6592616" y="1198177"/>
            <a:ext cx="2766536" cy="1800237"/>
            <a:chOff x="6592616" y="1198177"/>
            <a:chExt cx="2766536" cy="1800237"/>
          </a:xfrm>
        </p:grpSpPr>
        <p:cxnSp>
          <p:nvCxnSpPr>
            <p:cNvPr id="12" name="Düz Ok Bağlayıcısı 11"/>
            <p:cNvCxnSpPr/>
            <p:nvPr/>
          </p:nvCxnSpPr>
          <p:spPr>
            <a:xfrm flipV="1">
              <a:off x="6592616" y="1198177"/>
              <a:ext cx="2171700" cy="1800237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8" name="Dikdörtgen 47"/>
            <p:cNvSpPr/>
            <p:nvPr/>
          </p:nvSpPr>
          <p:spPr>
            <a:xfrm>
              <a:off x="6915805" y="2075129"/>
              <a:ext cx="2443347" cy="536028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Birlikteliğe</a:t>
              </a:r>
            </a:p>
          </p:txBody>
        </p:sp>
      </p:grpSp>
      <p:grpSp>
        <p:nvGrpSpPr>
          <p:cNvPr id="64" name="Grup 63"/>
          <p:cNvGrpSpPr/>
          <p:nvPr/>
        </p:nvGrpSpPr>
        <p:grpSpPr>
          <a:xfrm>
            <a:off x="6737127" y="3686570"/>
            <a:ext cx="2497520" cy="1977495"/>
            <a:chOff x="6612648" y="3774280"/>
            <a:chExt cx="2497520" cy="1977495"/>
          </a:xfrm>
        </p:grpSpPr>
        <p:cxnSp>
          <p:nvCxnSpPr>
            <p:cNvPr id="19" name="Düz Ok Bağlayıcısı 18"/>
            <p:cNvCxnSpPr/>
            <p:nvPr/>
          </p:nvCxnSpPr>
          <p:spPr>
            <a:xfrm>
              <a:off x="6612648" y="3774280"/>
              <a:ext cx="2156263" cy="1977495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9" name="Dikdörtgen 48"/>
            <p:cNvSpPr/>
            <p:nvPr/>
          </p:nvSpPr>
          <p:spPr>
            <a:xfrm>
              <a:off x="6737129" y="4346343"/>
              <a:ext cx="2373039" cy="536028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ayanışmayı</a:t>
              </a:r>
            </a:p>
          </p:txBody>
        </p:sp>
      </p:grpSp>
      <p:grpSp>
        <p:nvGrpSpPr>
          <p:cNvPr id="65" name="Grup 64"/>
          <p:cNvGrpSpPr/>
          <p:nvPr/>
        </p:nvGrpSpPr>
        <p:grpSpPr>
          <a:xfrm>
            <a:off x="4729651" y="3890141"/>
            <a:ext cx="2119483" cy="2016668"/>
            <a:chOff x="4729651" y="3890141"/>
            <a:chExt cx="2119483" cy="2016668"/>
          </a:xfrm>
        </p:grpSpPr>
        <p:cxnSp>
          <p:nvCxnSpPr>
            <p:cNvPr id="22" name="Düz Ok Bağlayıcısı 21"/>
            <p:cNvCxnSpPr/>
            <p:nvPr/>
          </p:nvCxnSpPr>
          <p:spPr>
            <a:xfrm flipH="1">
              <a:off x="5746535" y="3890141"/>
              <a:ext cx="7878" cy="2016668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0" name="Dikdörtgen 49"/>
            <p:cNvSpPr/>
            <p:nvPr/>
          </p:nvSpPr>
          <p:spPr>
            <a:xfrm>
              <a:off x="4729651" y="4985001"/>
              <a:ext cx="2119483" cy="536028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Maneviyatı</a:t>
              </a:r>
            </a:p>
          </p:txBody>
        </p:sp>
      </p:grpSp>
      <p:grpSp>
        <p:nvGrpSpPr>
          <p:cNvPr id="66" name="Grup 65"/>
          <p:cNvGrpSpPr/>
          <p:nvPr/>
        </p:nvGrpSpPr>
        <p:grpSpPr>
          <a:xfrm>
            <a:off x="2390779" y="3774280"/>
            <a:ext cx="2575358" cy="1848754"/>
            <a:chOff x="2390779" y="3774280"/>
            <a:chExt cx="2575358" cy="1848754"/>
          </a:xfrm>
        </p:grpSpPr>
        <p:cxnSp>
          <p:nvCxnSpPr>
            <p:cNvPr id="24" name="Düz Ok Bağlayıcısı 23"/>
            <p:cNvCxnSpPr/>
            <p:nvPr/>
          </p:nvCxnSpPr>
          <p:spPr>
            <a:xfrm flipH="1">
              <a:off x="2825972" y="3774280"/>
              <a:ext cx="2140165" cy="1848754"/>
            </a:xfrm>
            <a:prstGeom prst="straightConnector1">
              <a:avLst/>
            </a:prstGeom>
            <a:ln w="76200">
              <a:solidFill>
                <a:schemeClr val="accent2">
                  <a:lumMod val="40000"/>
                  <a:lumOff val="60000"/>
                </a:schemeClr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2" name="Dikdörtgen 51"/>
            <p:cNvSpPr/>
            <p:nvPr/>
          </p:nvSpPr>
          <p:spPr>
            <a:xfrm>
              <a:off x="2390779" y="4342081"/>
              <a:ext cx="2373039" cy="512713"/>
            </a:xfrm>
            <a:prstGeom prst="rect">
              <a:avLst/>
            </a:prstGeom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kötülüklere</a:t>
              </a:r>
            </a:p>
          </p:txBody>
        </p:sp>
      </p:grpSp>
      <p:sp>
        <p:nvSpPr>
          <p:cNvPr id="3" name="Yuvarlatılmış Dikdörtgen 2"/>
          <p:cNvSpPr/>
          <p:nvPr/>
        </p:nvSpPr>
        <p:spPr>
          <a:xfrm>
            <a:off x="4596962" y="2729420"/>
            <a:ext cx="2318844" cy="1270102"/>
          </a:xfrm>
          <a:prstGeom prst="roundRect">
            <a:avLst/>
          </a:prstGeom>
          <a:solidFill>
            <a:srgbClr val="FFFF99"/>
          </a:solidFill>
          <a:ln w="28575"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Allah İnancı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727642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500"/>
                            </p:stCondLst>
                            <p:childTnLst>
                              <p:par>
                                <p:cTn id="25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3000"/>
                            </p:stCondLst>
                            <p:childTnLst>
                              <p:par>
                                <p:cTn id="2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3500"/>
                            </p:stCondLst>
                            <p:childTnLst>
                              <p:par>
                                <p:cTn id="3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5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4000"/>
                            </p:stCondLst>
                            <p:childTnLst>
                              <p:par>
                                <p:cTn id="3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4500"/>
                            </p:stCondLst>
                            <p:childTnLst>
                              <p:par>
                                <p:cTn id="4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3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0"/>
                            </p:stCondLst>
                            <p:childTnLst>
                              <p:par>
                                <p:cTn id="4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5500"/>
                            </p:stCondLst>
                            <p:childTnLst>
                              <p:par>
                                <p:cTn id="4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1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6000"/>
                            </p:stCondLst>
                            <p:childTnLst>
                              <p:par>
                                <p:cTn id="5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animBg="1"/>
      <p:bldP spid="31" grpId="0" animBg="1"/>
      <p:bldP spid="32" grpId="0" animBg="1"/>
      <p:bldP spid="33" grpId="0" animBg="1"/>
      <p:bldP spid="34" grpId="0" animBg="1"/>
      <p:bldP spid="35" grpId="0" animBg="1"/>
      <p:bldP spid="3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5" name="Yuvarlatılmış Dikdörtgen 4">
            <a:hlinkClick r:id="rId4"/>
          </p:cNvPr>
          <p:cNvSpPr/>
          <p:nvPr/>
        </p:nvSpPr>
        <p:spPr>
          <a:xfrm>
            <a:off x="2937163" y="1488560"/>
            <a:ext cx="6317673" cy="1256145"/>
          </a:xfrm>
          <a:prstGeom prst="roundRect">
            <a:avLst/>
          </a:prstGeom>
          <a:solidFill>
            <a:srgbClr val="17AB9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tkinlikler için tıklayınız</a:t>
            </a:r>
          </a:p>
        </p:txBody>
      </p:sp>
      <p:sp>
        <p:nvSpPr>
          <p:cNvPr id="6" name="Dikdörtgen 5"/>
          <p:cNvSpPr/>
          <p:nvPr/>
        </p:nvSpPr>
        <p:spPr>
          <a:xfrm>
            <a:off x="8415793" y="2116633"/>
            <a:ext cx="1623984" cy="1668464"/>
          </a:xfrm>
          <a:prstGeom prst="rect">
            <a:avLst/>
          </a:prstGeom>
          <a:blipFill>
            <a:blip r:embed="rId5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Yuvarlatılmış Dikdörtgen 6">
            <a:hlinkClick r:id="rId6"/>
          </p:cNvPr>
          <p:cNvSpPr/>
          <p:nvPr/>
        </p:nvSpPr>
        <p:spPr>
          <a:xfrm>
            <a:off x="798786" y="4099035"/>
            <a:ext cx="10510345" cy="1620572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ukarıdaki bağlantıdan etkinliklerin açılmaması durumundan dindersimateryal.com sitesinde etkinlikler ve oyunlara ulaşabilirsiniz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37656825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8700">
              <a:schemeClr val="bg2"/>
            </a:gs>
            <a:gs pos="0">
              <a:schemeClr val="bg1">
                <a:alpha val="99000"/>
              </a:schemeClr>
            </a:gs>
            <a:gs pos="100000">
              <a:schemeClr val="bg2"/>
            </a:gs>
          </a:gsLst>
          <a:lin ang="162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Dikdörtgen 5"/>
          <p:cNvSpPr/>
          <p:nvPr/>
        </p:nvSpPr>
        <p:spPr>
          <a:xfrm>
            <a:off x="9442206" y="1626177"/>
            <a:ext cx="1698225" cy="833086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Yuvarlatılmış Dikdörtgen 3"/>
          <p:cNvSpPr/>
          <p:nvPr/>
        </p:nvSpPr>
        <p:spPr>
          <a:xfrm>
            <a:off x="9442206" y="28273"/>
            <a:ext cx="2717800" cy="520700"/>
          </a:xfrm>
          <a:prstGeom prst="roundRect">
            <a:avLst>
              <a:gd name="adj" fmla="val 25000"/>
            </a:avLst>
          </a:prstGeom>
          <a:solidFill>
            <a:srgbClr val="EE952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b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oğru Yanlış </a:t>
            </a:r>
          </a:p>
        </p:txBody>
      </p:sp>
      <p:sp>
        <p:nvSpPr>
          <p:cNvPr id="57" name="Serbest Form 56"/>
          <p:cNvSpPr/>
          <p:nvPr/>
        </p:nvSpPr>
        <p:spPr>
          <a:xfrm>
            <a:off x="31062" y="1615497"/>
            <a:ext cx="9418918" cy="849416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llah (</a:t>
            </a:r>
            <a:r>
              <a:rPr kumimoji="0" lang="tr-TR" sz="2800" b="0" i="0" u="none" strike="noStrike" kern="1200" cap="none" spc="0" normalizeH="0" baseline="0" noProof="0" dirty="0" err="1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inancı, ahlaki değerlere kaynaklık eder. </a:t>
            </a: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" name="X"/>
          <p:cNvSpPr/>
          <p:nvPr/>
        </p:nvSpPr>
        <p:spPr>
          <a:xfrm>
            <a:off x="11155985" y="1633364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" name="Onay"/>
          <p:cNvSpPr/>
          <p:nvPr/>
        </p:nvSpPr>
        <p:spPr>
          <a:xfrm>
            <a:off x="11066120" y="1575966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D 1"/>
          <p:cNvSpPr/>
          <p:nvPr/>
        </p:nvSpPr>
        <p:spPr>
          <a:xfrm>
            <a:off x="9565135" y="1689199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13" name="Y 1"/>
          <p:cNvSpPr/>
          <p:nvPr/>
        </p:nvSpPr>
        <p:spPr>
          <a:xfrm>
            <a:off x="10378208" y="1689199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58" name="İkizkenar Üçgen 57"/>
          <p:cNvSpPr/>
          <p:nvPr/>
        </p:nvSpPr>
        <p:spPr>
          <a:xfrm rot="5400000">
            <a:off x="-66351" y="1732036"/>
            <a:ext cx="791999" cy="61272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</a:t>
            </a:r>
          </a:p>
        </p:txBody>
      </p:sp>
      <p:sp>
        <p:nvSpPr>
          <p:cNvPr id="60" name="Dikdörtgen 59"/>
          <p:cNvSpPr/>
          <p:nvPr/>
        </p:nvSpPr>
        <p:spPr>
          <a:xfrm>
            <a:off x="9442206" y="2551497"/>
            <a:ext cx="1698225" cy="918518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1" name="Serbest Form 60"/>
          <p:cNvSpPr/>
          <p:nvPr/>
        </p:nvSpPr>
        <p:spPr>
          <a:xfrm>
            <a:off x="23288" y="2547579"/>
            <a:ext cx="9418918" cy="922887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2" name="X 2"/>
          <p:cNvSpPr/>
          <p:nvPr/>
        </p:nvSpPr>
        <p:spPr>
          <a:xfrm>
            <a:off x="11155985" y="2626061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3" name="Onay 2"/>
          <p:cNvSpPr/>
          <p:nvPr/>
        </p:nvSpPr>
        <p:spPr>
          <a:xfrm>
            <a:off x="11046436" y="2511715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4" name="D 2"/>
          <p:cNvSpPr/>
          <p:nvPr/>
        </p:nvSpPr>
        <p:spPr>
          <a:xfrm>
            <a:off x="9565135" y="2708599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65" name="Y 2"/>
          <p:cNvSpPr/>
          <p:nvPr/>
        </p:nvSpPr>
        <p:spPr>
          <a:xfrm>
            <a:off x="10378208" y="2708599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66" name="İkizkenar Üçgen 65"/>
          <p:cNvSpPr/>
          <p:nvPr/>
        </p:nvSpPr>
        <p:spPr>
          <a:xfrm rot="5400000">
            <a:off x="-37850" y="2688601"/>
            <a:ext cx="791999" cy="61272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</a:t>
            </a:r>
          </a:p>
        </p:txBody>
      </p:sp>
      <p:sp>
        <p:nvSpPr>
          <p:cNvPr id="67" name="Dikdörtgen 66"/>
          <p:cNvSpPr/>
          <p:nvPr/>
        </p:nvSpPr>
        <p:spPr>
          <a:xfrm>
            <a:off x="876371" y="2457644"/>
            <a:ext cx="8806195" cy="10772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mel iman bütünlüğü İslam’ın önem verdiği bir husustur.</a:t>
            </a:r>
          </a:p>
        </p:txBody>
      </p:sp>
      <p:sp>
        <p:nvSpPr>
          <p:cNvPr id="68" name="Dikdörtgen 67"/>
          <p:cNvSpPr/>
          <p:nvPr/>
        </p:nvSpPr>
        <p:spPr>
          <a:xfrm>
            <a:off x="9545073" y="5509556"/>
            <a:ext cx="1698225" cy="824438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9" name="Serbest Form 68"/>
          <p:cNvSpPr/>
          <p:nvPr/>
        </p:nvSpPr>
        <p:spPr>
          <a:xfrm>
            <a:off x="54251" y="5521560"/>
            <a:ext cx="9523886" cy="824438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0" name="X 3"/>
          <p:cNvSpPr/>
          <p:nvPr/>
        </p:nvSpPr>
        <p:spPr>
          <a:xfrm>
            <a:off x="11258852" y="5516743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1" name="Onay 3"/>
          <p:cNvSpPr/>
          <p:nvPr/>
        </p:nvSpPr>
        <p:spPr>
          <a:xfrm>
            <a:off x="11168987" y="5459345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2" name="D 3"/>
          <p:cNvSpPr/>
          <p:nvPr/>
        </p:nvSpPr>
        <p:spPr>
          <a:xfrm>
            <a:off x="9668002" y="5572578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73" name="Y 3"/>
          <p:cNvSpPr/>
          <p:nvPr/>
        </p:nvSpPr>
        <p:spPr>
          <a:xfrm>
            <a:off x="10481075" y="5572578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74" name="İkizkenar Üçgen 73"/>
          <p:cNvSpPr/>
          <p:nvPr/>
        </p:nvSpPr>
        <p:spPr>
          <a:xfrm rot="5400000">
            <a:off x="36516" y="5578086"/>
            <a:ext cx="791999" cy="69440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6</a:t>
            </a:r>
          </a:p>
        </p:txBody>
      </p:sp>
      <p:sp>
        <p:nvSpPr>
          <p:cNvPr id="75" name="Dikdörtgen 74"/>
          <p:cNvSpPr/>
          <p:nvPr/>
        </p:nvSpPr>
        <p:spPr>
          <a:xfrm>
            <a:off x="818744" y="5658368"/>
            <a:ext cx="8844094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nanç esasları içerisinde de en başta ahirete iman gelir.</a:t>
            </a:r>
            <a:endParaRPr kumimoji="0" lang="tr-TR" sz="3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4" name="Dikdörtgen 83"/>
          <p:cNvSpPr/>
          <p:nvPr/>
        </p:nvSpPr>
        <p:spPr>
          <a:xfrm>
            <a:off x="9490822" y="3636039"/>
            <a:ext cx="1698225" cy="824438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5" name="Serbest Form 84"/>
          <p:cNvSpPr/>
          <p:nvPr/>
        </p:nvSpPr>
        <p:spPr>
          <a:xfrm>
            <a:off x="71904" y="3641638"/>
            <a:ext cx="9418918" cy="824438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6" name="X 2"/>
          <p:cNvSpPr/>
          <p:nvPr/>
        </p:nvSpPr>
        <p:spPr>
          <a:xfrm>
            <a:off x="11204601" y="3643226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7" name="Onay 2"/>
          <p:cNvSpPr/>
          <p:nvPr/>
        </p:nvSpPr>
        <p:spPr>
          <a:xfrm>
            <a:off x="11114736" y="3585828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8" name="D 2"/>
          <p:cNvSpPr/>
          <p:nvPr/>
        </p:nvSpPr>
        <p:spPr>
          <a:xfrm>
            <a:off x="9613751" y="3699061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89" name="Y 2"/>
          <p:cNvSpPr/>
          <p:nvPr/>
        </p:nvSpPr>
        <p:spPr>
          <a:xfrm>
            <a:off x="10426824" y="3699061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90" name="İkizkenar Üçgen 89"/>
          <p:cNvSpPr/>
          <p:nvPr/>
        </p:nvSpPr>
        <p:spPr>
          <a:xfrm rot="5400000">
            <a:off x="-2180" y="3744823"/>
            <a:ext cx="791999" cy="61272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4</a:t>
            </a:r>
          </a:p>
        </p:txBody>
      </p:sp>
      <p:sp>
        <p:nvSpPr>
          <p:cNvPr id="99" name="Dikdörtgen 98"/>
          <p:cNvSpPr/>
          <p:nvPr/>
        </p:nvSpPr>
        <p:spPr>
          <a:xfrm>
            <a:off x="9455208" y="658191"/>
            <a:ext cx="1698225" cy="824438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0" name="Serbest Form 99"/>
          <p:cNvSpPr/>
          <p:nvPr/>
        </p:nvSpPr>
        <p:spPr>
          <a:xfrm>
            <a:off x="36290" y="658191"/>
            <a:ext cx="9418918" cy="824438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1" name="X 2"/>
          <p:cNvSpPr/>
          <p:nvPr/>
        </p:nvSpPr>
        <p:spPr>
          <a:xfrm>
            <a:off x="11168987" y="665378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2" name="Onay 2"/>
          <p:cNvSpPr/>
          <p:nvPr/>
        </p:nvSpPr>
        <p:spPr>
          <a:xfrm>
            <a:off x="11079122" y="607980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3" name="D 2"/>
          <p:cNvSpPr/>
          <p:nvPr/>
        </p:nvSpPr>
        <p:spPr>
          <a:xfrm>
            <a:off x="9578137" y="721213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104" name="Y 2"/>
          <p:cNvSpPr/>
          <p:nvPr/>
        </p:nvSpPr>
        <p:spPr>
          <a:xfrm>
            <a:off x="10391210" y="721213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105" name="İkizkenar Üçgen 104"/>
          <p:cNvSpPr/>
          <p:nvPr/>
        </p:nvSpPr>
        <p:spPr>
          <a:xfrm rot="5400000">
            <a:off x="-42887" y="755015"/>
            <a:ext cx="791999" cy="61272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</a:t>
            </a:r>
          </a:p>
        </p:txBody>
      </p:sp>
      <p:sp>
        <p:nvSpPr>
          <p:cNvPr id="106" name="Dikdörtgen 105"/>
          <p:cNvSpPr/>
          <p:nvPr/>
        </p:nvSpPr>
        <p:spPr>
          <a:xfrm>
            <a:off x="745382" y="604309"/>
            <a:ext cx="8765332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ur’an-ı Kerim, Allah (</a:t>
            </a:r>
            <a:r>
              <a:rPr kumimoji="0" lang="tr-TR" sz="2800" b="0" i="0" u="none" strike="noStrike" kern="1200" cap="none" spc="0" normalizeH="0" baseline="0" noProof="0" dirty="0" err="1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inancını meyve veren bir ağaca benzetmiştir.</a:t>
            </a:r>
            <a:endParaRPr kumimoji="0" lang="tr-TR" sz="6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7" name="Dikdörtgen 106"/>
          <p:cNvSpPr/>
          <p:nvPr/>
        </p:nvSpPr>
        <p:spPr>
          <a:xfrm>
            <a:off x="876371" y="3757826"/>
            <a:ext cx="8773324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llah (</a:t>
            </a:r>
            <a:r>
              <a:rPr kumimoji="0" lang="tr-TR" sz="2800" b="0" i="0" u="none" strike="noStrike" kern="1200" cap="none" spc="0" normalizeH="0" baseline="0" noProof="0" dirty="0" err="1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inancı insanın anlam arayışına cevaplar verir.</a:t>
            </a:r>
          </a:p>
        </p:txBody>
      </p:sp>
      <p:sp>
        <p:nvSpPr>
          <p:cNvPr id="113" name="Dikdörtgen 112"/>
          <p:cNvSpPr/>
          <p:nvPr/>
        </p:nvSpPr>
        <p:spPr>
          <a:xfrm>
            <a:off x="9457760" y="4560848"/>
            <a:ext cx="1698225" cy="824438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4" name="Serbest Form 113"/>
          <p:cNvSpPr/>
          <p:nvPr/>
        </p:nvSpPr>
        <p:spPr>
          <a:xfrm>
            <a:off x="71905" y="4572852"/>
            <a:ext cx="9418918" cy="824438"/>
          </a:xfrm>
          <a:custGeom>
            <a:avLst/>
            <a:gdLst>
              <a:gd name="connsiteX0" fmla="*/ 15985 w 8932526"/>
              <a:gd name="connsiteY0" fmla="*/ 0 h 820844"/>
              <a:gd name="connsiteX1" fmla="*/ 8932526 w 8932526"/>
              <a:gd name="connsiteY1" fmla="*/ 0 h 820844"/>
              <a:gd name="connsiteX2" fmla="*/ 8932526 w 8932526"/>
              <a:gd name="connsiteY2" fmla="*/ 820844 h 820844"/>
              <a:gd name="connsiteX3" fmla="*/ 0 w 8932526"/>
              <a:gd name="connsiteY3" fmla="*/ 820844 h 820844"/>
              <a:gd name="connsiteX4" fmla="*/ 628407 w 8932526"/>
              <a:gd name="connsiteY4" fmla="*/ 405135 h 8208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2526" h="820844">
                <a:moveTo>
                  <a:pt x="15985" y="0"/>
                </a:moveTo>
                <a:lnTo>
                  <a:pt x="8932526" y="0"/>
                </a:lnTo>
                <a:lnTo>
                  <a:pt x="8932526" y="820844"/>
                </a:lnTo>
                <a:lnTo>
                  <a:pt x="0" y="820844"/>
                </a:lnTo>
                <a:lnTo>
                  <a:pt x="628407" y="405135"/>
                </a:lnTo>
                <a:close/>
              </a:path>
            </a:pathLst>
          </a:custGeom>
          <a:solidFill>
            <a:srgbClr val="14676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914400" marR="0" lvl="2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5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5" name="X 3"/>
          <p:cNvSpPr/>
          <p:nvPr/>
        </p:nvSpPr>
        <p:spPr>
          <a:xfrm>
            <a:off x="11171539" y="4568035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6" name="Onay 3"/>
          <p:cNvSpPr/>
          <p:nvPr/>
        </p:nvSpPr>
        <p:spPr>
          <a:xfrm>
            <a:off x="11081674" y="4530618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7" name="D 3"/>
          <p:cNvSpPr/>
          <p:nvPr/>
        </p:nvSpPr>
        <p:spPr>
          <a:xfrm>
            <a:off x="9580689" y="4623870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118" name="Y 3"/>
          <p:cNvSpPr/>
          <p:nvPr/>
        </p:nvSpPr>
        <p:spPr>
          <a:xfrm>
            <a:off x="10393762" y="4623870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</a:p>
        </p:txBody>
      </p:sp>
      <p:sp>
        <p:nvSpPr>
          <p:cNvPr id="119" name="İkizkenar Üçgen 118"/>
          <p:cNvSpPr/>
          <p:nvPr/>
        </p:nvSpPr>
        <p:spPr>
          <a:xfrm rot="5400000">
            <a:off x="-17734" y="4661591"/>
            <a:ext cx="791999" cy="612724"/>
          </a:xfrm>
          <a:prstGeom prst="triangle">
            <a:avLst/>
          </a:prstGeom>
          <a:solidFill>
            <a:srgbClr val="C55A1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5</a:t>
            </a:r>
          </a:p>
        </p:txBody>
      </p:sp>
      <p:sp>
        <p:nvSpPr>
          <p:cNvPr id="5" name="Metin kutusu 4"/>
          <p:cNvSpPr txBox="1"/>
          <p:nvPr/>
        </p:nvSpPr>
        <p:spPr>
          <a:xfrm>
            <a:off x="823840" y="4494216"/>
            <a:ext cx="8513966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orumluluk bilinciyle Allah inancı arasında doğrudan bir ilişki yoktu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947164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6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1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6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6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5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6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4"/>
                  </p:tgtEl>
                </p:cond>
              </p:nextCondLst>
            </p:seq>
            <p:seq concurrent="1" nextAc="seek">
              <p:cTn id="31" restart="whenNotActive" fill="hold" evtFilter="cancelBubble" nodeType="interactiveSeq">
                <p:stCondLst>
                  <p:cond evt="onClick" delay="0">
                    <p:tgtEl>
                      <p:spTgt spid="7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2" fill="hold">
                      <p:stCondLst>
                        <p:cond delay="0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3"/>
                  </p:tgtEl>
                </p:cond>
              </p:nextCondLst>
            </p:seq>
            <p:seq concurrent="1" nextAc="seek">
              <p:cTn id="40" restart="whenNotActive" fill="hold" evtFilter="cancelBubble" nodeType="interactiveSeq">
                <p:stCondLst>
                  <p:cond evt="onClick" delay="0">
                    <p:tgtEl>
                      <p:spTgt spid="7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1" fill="hold">
                      <p:stCondLst>
                        <p:cond delay="0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11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2"/>
                  </p:tgtEl>
                </p:cond>
              </p:nextCondLst>
            </p:seq>
            <p:seq concurrent="1" nextAc="seek">
              <p:cTn id="46" restart="whenNotActive" fill="hold" evtFilter="cancelBubble" nodeType="interactiveSeq">
                <p:stCondLst>
                  <p:cond evt="onClick" delay="0">
                    <p:tgtEl>
                      <p:spTgt spid="8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7" fill="hold">
                      <p:stCondLst>
                        <p:cond delay="0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6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9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8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8"/>
                  </p:tgtEl>
                </p:cond>
              </p:nextCondLst>
            </p:seq>
            <p:seq concurrent="1" nextAc="seek">
              <p:cTn id="61" restart="whenNotActive" fill="hold" evtFilter="cancelBubble" nodeType="interactiveSeq">
                <p:stCondLst>
                  <p:cond evt="onClick" delay="0">
                    <p:tgtEl>
                      <p:spTgt spid="10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2" fill="hold">
                      <p:stCondLst>
                        <p:cond delay="0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16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4"/>
                  </p:tgtEl>
                </p:cond>
              </p:nextCondLst>
            </p:seq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10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7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3"/>
                  </p:tgtEl>
                </p:cond>
              </p:nextCondLst>
            </p:seq>
            <p:seq concurrent="1" nextAc="seek">
              <p:cTn id="76" restart="whenNotActive" fill="hold" evtFilter="cancelBubble" nodeType="interactiveSeq">
                <p:stCondLst>
                  <p:cond evt="onClick" delay="0">
                    <p:tgtEl>
                      <p:spTgt spid="1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7" fill="hold">
                      <p:stCondLst>
                        <p:cond delay="0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11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7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8"/>
                  </p:tgtEl>
                </p:cond>
              </p:nextCondLst>
            </p:seq>
            <p:seq concurrent="1" nextAc="seek">
              <p:cTn id="85" restart="whenNotActive" fill="hold" evtFilter="cancelBubble" nodeType="interactiveSeq">
                <p:stCondLst>
                  <p:cond evt="onClick" delay="0">
                    <p:tgtEl>
                      <p:spTgt spid="1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6" fill="hold">
                      <p:stCondLst>
                        <p:cond delay="0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11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8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7"/>
                  </p:tgtEl>
                </p:cond>
              </p:nextCondLst>
            </p:seq>
          </p:childTnLst>
        </p:cTn>
      </p:par>
    </p:tnLst>
    <p:bldLst>
      <p:bldP spid="10" grpId="0" animBg="1"/>
      <p:bldP spid="11" grpId="0" animBg="1"/>
      <p:bldP spid="13" grpId="0" animBg="1"/>
      <p:bldP spid="62" grpId="0" animBg="1"/>
      <p:bldP spid="63" grpId="0" animBg="1"/>
      <p:bldP spid="65" grpId="0" animBg="1"/>
      <p:bldP spid="70" grpId="0" animBg="1"/>
      <p:bldP spid="71" grpId="0" animBg="1"/>
      <p:bldP spid="72" grpId="0" animBg="1"/>
      <p:bldP spid="86" grpId="0" animBg="1"/>
      <p:bldP spid="87" grpId="0" animBg="1"/>
      <p:bldP spid="89" grpId="0" animBg="1"/>
      <p:bldP spid="101" grpId="0" animBg="1"/>
      <p:bldP spid="102" grpId="0" animBg="1"/>
      <p:bldP spid="104" grpId="0" animBg="1"/>
      <p:bldP spid="115" grpId="0" animBg="1"/>
      <p:bldP spid="116" grpId="0" animBg="1"/>
      <p:bldP spid="117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1" name="Dikdörtgen 130"/>
          <p:cNvSpPr/>
          <p:nvPr/>
        </p:nvSpPr>
        <p:spPr>
          <a:xfrm>
            <a:off x="0" y="6053741"/>
            <a:ext cx="582662" cy="539476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✔</a:t>
            </a:r>
          </a:p>
        </p:txBody>
      </p:sp>
      <p:sp>
        <p:nvSpPr>
          <p:cNvPr id="132" name="Dikdörtgen 131"/>
          <p:cNvSpPr/>
          <p:nvPr/>
        </p:nvSpPr>
        <p:spPr>
          <a:xfrm>
            <a:off x="140558" y="4082735"/>
            <a:ext cx="504966" cy="504376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133" name="Dikdörtgen 132"/>
          <p:cNvSpPr/>
          <p:nvPr/>
        </p:nvSpPr>
        <p:spPr>
          <a:xfrm>
            <a:off x="122829" y="5429692"/>
            <a:ext cx="504966" cy="504376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127" name="Dikdörtgen 126"/>
          <p:cNvSpPr/>
          <p:nvPr/>
        </p:nvSpPr>
        <p:spPr>
          <a:xfrm>
            <a:off x="122829" y="3390113"/>
            <a:ext cx="382138" cy="504376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72" name="İçerik Yer Tutucusu 2"/>
          <p:cNvSpPr txBox="1">
            <a:spLocks/>
          </p:cNvSpPr>
          <p:nvPr/>
        </p:nvSpPr>
        <p:spPr>
          <a:xfrm>
            <a:off x="122829" y="0"/>
            <a:ext cx="12019073" cy="3217220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gradFill>
              <a:gsLst>
                <a:gs pos="0">
                  <a:schemeClr val="bg1">
                    <a:alpha val="99000"/>
                  </a:schemeClr>
                </a:gs>
                <a:gs pos="100000">
                  <a:schemeClr val="bg1"/>
                </a:gs>
              </a:gsLst>
              <a:lin ang="5400000" scaled="1"/>
            </a:gra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algn="just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(I) Kur’an-ı Kerim, Allah inancını meyve veren bir ağaca benzetmiştir. (II) Düşünceden uygulamaya aktarılmayan bir inanç meyvesiz bir ağaca benzer. (III) Allah’a (</a:t>
            </a:r>
            <a:r>
              <a:rPr kumimoji="0" lang="tr-TR" sz="2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inanmanın meyve vermesi, imanın insan hayatında kendisini göstermesi demektir. (IV) Allah (</a:t>
            </a:r>
            <a:r>
              <a:rPr kumimoji="0" lang="tr-TR" sz="2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inancı insanların kalplerine yerleşip kuvvetlenince onların davranışlarını etkiler. (V) İnanan insanlar Allah’a (</a:t>
            </a:r>
            <a:r>
              <a:rPr kumimoji="0" lang="tr-TR" sz="2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karşı kulluk görevlerini yerine getirmeye çalıştıkları gibi insanlık için de daima faydalı olmaya gayret ederler. </a:t>
            </a:r>
          </a:p>
          <a:p>
            <a:pPr marL="0" marR="0" lvl="0" indent="0" algn="just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28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. Allah inancının insan hayatına etki etmesi için gerekli olan nitelik hangi cümlelerde belirtilmiştir?</a:t>
            </a:r>
          </a:p>
        </p:txBody>
      </p:sp>
      <p:grpSp>
        <p:nvGrpSpPr>
          <p:cNvPr id="105" name="A"/>
          <p:cNvGrpSpPr/>
          <p:nvPr/>
        </p:nvGrpSpPr>
        <p:grpSpPr>
          <a:xfrm>
            <a:off x="495508" y="3376466"/>
            <a:ext cx="11527754" cy="543553"/>
            <a:chOff x="955343" y="3343700"/>
            <a:chExt cx="11527754" cy="682389"/>
          </a:xfrm>
          <a:effectLst/>
        </p:grpSpPr>
        <p:sp>
          <p:nvSpPr>
            <p:cNvPr id="97" name="Yuvarlatılmış Dikdörtgen 96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chemeClr val="accent6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96" name="Serbest Form 95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 - II</a:t>
              </a:r>
              <a:endPara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sp>
        <p:nvSpPr>
          <p:cNvPr id="104" name="Dikdörtgen 103"/>
          <p:cNvSpPr/>
          <p:nvPr/>
        </p:nvSpPr>
        <p:spPr>
          <a:xfrm>
            <a:off x="382136" y="3271228"/>
            <a:ext cx="723332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50" normalizeH="0" baseline="0" noProof="0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5B9BD5">
                      <a:alpha val="40000"/>
                    </a:srgbClr>
                  </a:glo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A</a:t>
            </a:r>
          </a:p>
        </p:txBody>
      </p:sp>
      <p:grpSp>
        <p:nvGrpSpPr>
          <p:cNvPr id="118" name="B"/>
          <p:cNvGrpSpPr/>
          <p:nvPr/>
        </p:nvGrpSpPr>
        <p:grpSpPr>
          <a:xfrm>
            <a:off x="491319" y="6057241"/>
            <a:ext cx="11527754" cy="543553"/>
            <a:chOff x="955343" y="3343700"/>
            <a:chExt cx="11527754" cy="682389"/>
          </a:xfrm>
        </p:grpSpPr>
        <p:sp>
          <p:nvSpPr>
            <p:cNvPr id="119" name="Yuvarlatılmış Dikdörtgen 118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FF00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20" name="Serbest Form 119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I - III - IV</a:t>
              </a:r>
            </a:p>
          </p:txBody>
        </p:sp>
      </p:grpSp>
      <p:grpSp>
        <p:nvGrpSpPr>
          <p:cNvPr id="121" name="C"/>
          <p:cNvGrpSpPr/>
          <p:nvPr/>
        </p:nvGrpSpPr>
        <p:grpSpPr>
          <a:xfrm>
            <a:off x="513237" y="4063147"/>
            <a:ext cx="11527754" cy="543553"/>
            <a:chOff x="955343" y="3343700"/>
            <a:chExt cx="11527754" cy="682389"/>
          </a:xfrm>
        </p:grpSpPr>
        <p:sp>
          <p:nvSpPr>
            <p:cNvPr id="122" name="Yuvarlatılmış Dikdörtgen 121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FFC0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23" name="Serbest Form 122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II - IV - V</a:t>
              </a:r>
            </a:p>
          </p:txBody>
        </p:sp>
      </p:grpSp>
      <p:grpSp>
        <p:nvGrpSpPr>
          <p:cNvPr id="124" name="D"/>
          <p:cNvGrpSpPr/>
          <p:nvPr/>
        </p:nvGrpSpPr>
        <p:grpSpPr>
          <a:xfrm>
            <a:off x="536452" y="5420005"/>
            <a:ext cx="11518296" cy="543553"/>
            <a:chOff x="955343" y="3343700"/>
            <a:chExt cx="11518296" cy="682389"/>
          </a:xfrm>
        </p:grpSpPr>
        <p:sp>
          <p:nvSpPr>
            <p:cNvPr id="125" name="Yuvarlatılmış Dikdörtgen 124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AE5092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26" name="Serbest Form 125"/>
            <p:cNvSpPr/>
            <p:nvPr/>
          </p:nvSpPr>
          <p:spPr>
            <a:xfrm>
              <a:off x="1201742" y="3343700"/>
              <a:ext cx="11271897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 - II - III </a:t>
              </a:r>
            </a:p>
          </p:txBody>
        </p:sp>
      </p:grpSp>
      <p:sp>
        <p:nvSpPr>
          <p:cNvPr id="128" name="Dikdörtgen 127"/>
          <p:cNvSpPr/>
          <p:nvPr/>
        </p:nvSpPr>
        <p:spPr>
          <a:xfrm>
            <a:off x="332381" y="5969065"/>
            <a:ext cx="723332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50" normalizeH="0" baseline="0" noProof="0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5B9BD5">
                      <a:alpha val="40000"/>
                    </a:srgbClr>
                  </a:glo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E</a:t>
            </a:r>
          </a:p>
        </p:txBody>
      </p:sp>
      <p:sp>
        <p:nvSpPr>
          <p:cNvPr id="129" name="Dikdörtgen 128"/>
          <p:cNvSpPr/>
          <p:nvPr/>
        </p:nvSpPr>
        <p:spPr>
          <a:xfrm>
            <a:off x="331627" y="3980980"/>
            <a:ext cx="723332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50" normalizeH="0" baseline="0" noProof="0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5B9BD5">
                      <a:alpha val="40000"/>
                    </a:srgbClr>
                  </a:glo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B</a:t>
            </a:r>
          </a:p>
        </p:txBody>
      </p:sp>
      <p:sp>
        <p:nvSpPr>
          <p:cNvPr id="130" name="Dikdörtgen 129"/>
          <p:cNvSpPr/>
          <p:nvPr/>
        </p:nvSpPr>
        <p:spPr>
          <a:xfrm>
            <a:off x="414150" y="5321863"/>
            <a:ext cx="663812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50" normalizeH="0" baseline="0" noProof="0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5B9BD5">
                      <a:alpha val="40000"/>
                    </a:srgbClr>
                  </a:glo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3" name="Yuvarlatılmış Dikdörtgen 2"/>
          <p:cNvSpPr/>
          <p:nvPr/>
        </p:nvSpPr>
        <p:spPr>
          <a:xfrm>
            <a:off x="8978150" y="2749479"/>
            <a:ext cx="3163752" cy="495233"/>
          </a:xfrm>
          <a:prstGeom prst="roundRect">
            <a:avLst/>
          </a:prstGeom>
          <a:solidFill>
            <a:srgbClr val="C00000"/>
          </a:solidFill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ögm SORU HAVUZU</a:t>
            </a:r>
            <a:endParaRPr kumimoji="0" lang="tr-TR" sz="24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0" name="Dikdörtgen 29"/>
          <p:cNvSpPr/>
          <p:nvPr/>
        </p:nvSpPr>
        <p:spPr>
          <a:xfrm>
            <a:off x="122829" y="4759652"/>
            <a:ext cx="504966" cy="504376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grpSp>
        <p:nvGrpSpPr>
          <p:cNvPr id="31" name="D"/>
          <p:cNvGrpSpPr/>
          <p:nvPr/>
        </p:nvGrpSpPr>
        <p:grpSpPr>
          <a:xfrm>
            <a:off x="536452" y="4749965"/>
            <a:ext cx="11518296" cy="543555"/>
            <a:chOff x="955343" y="3343697"/>
            <a:chExt cx="11518296" cy="682391"/>
          </a:xfrm>
        </p:grpSpPr>
        <p:sp>
          <p:nvSpPr>
            <p:cNvPr id="32" name="Yuvarlatılmış Dikdörtgen 31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38ACBB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3" name="Serbest Form 32"/>
            <p:cNvSpPr/>
            <p:nvPr/>
          </p:nvSpPr>
          <p:spPr>
            <a:xfrm>
              <a:off x="1228299" y="3343697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I - IV - V</a:t>
              </a:r>
            </a:p>
          </p:txBody>
        </p:sp>
      </p:grpSp>
      <p:sp>
        <p:nvSpPr>
          <p:cNvPr id="34" name="Dikdörtgen 33"/>
          <p:cNvSpPr/>
          <p:nvPr/>
        </p:nvSpPr>
        <p:spPr>
          <a:xfrm>
            <a:off x="413621" y="4667798"/>
            <a:ext cx="627797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50" normalizeH="0" baseline="0" noProof="0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5B9BD5">
                      <a:alpha val="40000"/>
                    </a:srgbClr>
                  </a:glo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C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182444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0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50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5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500"/>
                                        <p:tgtEl>
                                          <p:spTgt spid="1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8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500"/>
                                        <p:tgtEl>
                                          <p:spTgt spid="13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1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1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500"/>
                                        <p:tgtEl>
                                          <p:spTgt spid="1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4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</p:childTnLst>
        </p:cTn>
      </p:par>
    </p:tnLst>
    <p:bldLst>
      <p:bldP spid="131" grpId="0" animBg="1"/>
      <p:bldP spid="132" grpId="0" animBg="1"/>
      <p:bldP spid="133" grpId="0" animBg="1"/>
      <p:bldP spid="127" grpId="0" animBg="1"/>
      <p:bldP spid="30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1" name="Dikdörtgen 130"/>
          <p:cNvSpPr/>
          <p:nvPr/>
        </p:nvSpPr>
        <p:spPr>
          <a:xfrm>
            <a:off x="92920" y="5062306"/>
            <a:ext cx="582662" cy="539476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✔</a:t>
            </a:r>
          </a:p>
        </p:txBody>
      </p:sp>
      <p:sp>
        <p:nvSpPr>
          <p:cNvPr id="132" name="Dikdörtgen 131"/>
          <p:cNvSpPr/>
          <p:nvPr/>
        </p:nvSpPr>
        <p:spPr>
          <a:xfrm>
            <a:off x="140558" y="3610006"/>
            <a:ext cx="504966" cy="504376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133" name="Dikdörtgen 132"/>
          <p:cNvSpPr/>
          <p:nvPr/>
        </p:nvSpPr>
        <p:spPr>
          <a:xfrm>
            <a:off x="135629" y="5795146"/>
            <a:ext cx="504966" cy="504376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127" name="Dikdörtgen 126"/>
          <p:cNvSpPr/>
          <p:nvPr/>
        </p:nvSpPr>
        <p:spPr>
          <a:xfrm>
            <a:off x="122829" y="2858304"/>
            <a:ext cx="382138" cy="504376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72" name="İçerik Yer Tutucusu 2"/>
          <p:cNvSpPr txBox="1">
            <a:spLocks/>
          </p:cNvSpPr>
          <p:nvPr/>
        </p:nvSpPr>
        <p:spPr>
          <a:xfrm>
            <a:off x="122829" y="24558"/>
            <a:ext cx="12019073" cy="2502528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gradFill>
              <a:gsLst>
                <a:gs pos="0">
                  <a:schemeClr val="bg1">
                    <a:alpha val="99000"/>
                  </a:schemeClr>
                </a:gs>
                <a:gs pos="100000">
                  <a:schemeClr val="bg1"/>
                </a:gs>
              </a:gsLst>
              <a:lin ang="5400000" scaled="1"/>
            </a:gra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algn="just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“İman edip iyi işler yapan, namaz kılan ve zekât verenler var ya, onların mükâfatları Rableri katındadır. Onlara korku yoktur, onlar üzüntü de çekmezler.” (Bakara suresi, 277. ayet.) </a:t>
            </a:r>
          </a:p>
          <a:p>
            <a:pPr marL="0" marR="0" lvl="0" indent="0" algn="just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. Bu ayetlerde aşağıdaki sorulardan hangisinin cevabına </a:t>
            </a:r>
            <a:r>
              <a:rPr kumimoji="0" lang="tr-TR" sz="3600" b="1" i="0" u="sng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eğinilmemiştir? </a:t>
            </a:r>
          </a:p>
        </p:txBody>
      </p:sp>
      <p:grpSp>
        <p:nvGrpSpPr>
          <p:cNvPr id="105" name="A"/>
          <p:cNvGrpSpPr/>
          <p:nvPr/>
        </p:nvGrpSpPr>
        <p:grpSpPr>
          <a:xfrm>
            <a:off x="495508" y="2844657"/>
            <a:ext cx="11527754" cy="543553"/>
            <a:chOff x="955343" y="3343700"/>
            <a:chExt cx="11527754" cy="682389"/>
          </a:xfrm>
          <a:effectLst/>
        </p:grpSpPr>
        <p:sp>
          <p:nvSpPr>
            <p:cNvPr id="97" name="Yuvarlatılmış Dikdörtgen 96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chemeClr val="accent6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96" name="Serbest Form 95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İman edenleri kim ödüllendirecektir?</a:t>
              </a:r>
              <a:endPara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sp>
        <p:nvSpPr>
          <p:cNvPr id="104" name="Dikdörtgen 103"/>
          <p:cNvSpPr/>
          <p:nvPr/>
        </p:nvSpPr>
        <p:spPr>
          <a:xfrm>
            <a:off x="382136" y="2739419"/>
            <a:ext cx="723332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50" normalizeH="0" baseline="0" noProof="0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5B9BD5">
                      <a:alpha val="40000"/>
                    </a:srgbClr>
                  </a:glo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A</a:t>
            </a:r>
          </a:p>
        </p:txBody>
      </p:sp>
      <p:grpSp>
        <p:nvGrpSpPr>
          <p:cNvPr id="118" name="B"/>
          <p:cNvGrpSpPr/>
          <p:nvPr/>
        </p:nvGrpSpPr>
        <p:grpSpPr>
          <a:xfrm>
            <a:off x="584239" y="5065806"/>
            <a:ext cx="11527754" cy="543553"/>
            <a:chOff x="955343" y="3343700"/>
            <a:chExt cx="11527754" cy="682389"/>
          </a:xfrm>
        </p:grpSpPr>
        <p:sp>
          <p:nvSpPr>
            <p:cNvPr id="119" name="Yuvarlatılmış Dikdörtgen 118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DA64B7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20" name="Serbest Form 119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llah’a (</a:t>
              </a:r>
              <a:r>
                <a:rPr kumimoji="0" lang="tr-TR" sz="2800" b="0" i="0" u="none" strike="noStrike" kern="1200" cap="none" spc="0" normalizeH="0" baseline="0" noProof="0" dirty="0" err="1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c.c</a:t>
              </a: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.) karşı sorumluluk bilinci taşıyanlar kimlerdir?</a:t>
              </a:r>
            </a:p>
          </p:txBody>
        </p:sp>
      </p:grpSp>
      <p:grpSp>
        <p:nvGrpSpPr>
          <p:cNvPr id="121" name="C"/>
          <p:cNvGrpSpPr/>
          <p:nvPr/>
        </p:nvGrpSpPr>
        <p:grpSpPr>
          <a:xfrm>
            <a:off x="513237" y="3590418"/>
            <a:ext cx="11527754" cy="543553"/>
            <a:chOff x="955343" y="3343700"/>
            <a:chExt cx="11527754" cy="682389"/>
          </a:xfrm>
        </p:grpSpPr>
        <p:sp>
          <p:nvSpPr>
            <p:cNvPr id="122" name="Yuvarlatılmış Dikdörtgen 121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FFC0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23" name="Serbest Form 122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İnsanın yapması gereken güzel davranışlar nelerdir?</a:t>
              </a:r>
              <a:endPara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grpSp>
        <p:nvGrpSpPr>
          <p:cNvPr id="124" name="D"/>
          <p:cNvGrpSpPr/>
          <p:nvPr/>
        </p:nvGrpSpPr>
        <p:grpSpPr>
          <a:xfrm>
            <a:off x="549252" y="5785459"/>
            <a:ext cx="11518296" cy="543553"/>
            <a:chOff x="955343" y="3343700"/>
            <a:chExt cx="11518296" cy="682389"/>
          </a:xfrm>
        </p:grpSpPr>
        <p:sp>
          <p:nvSpPr>
            <p:cNvPr id="125" name="Yuvarlatılmış Dikdörtgen 124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FF00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26" name="Serbest Form 125"/>
            <p:cNvSpPr/>
            <p:nvPr/>
          </p:nvSpPr>
          <p:spPr>
            <a:xfrm>
              <a:off x="1201742" y="3343700"/>
              <a:ext cx="11271897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llah’a (</a:t>
              </a:r>
              <a:r>
                <a:rPr kumimoji="0" lang="tr-TR" sz="2800" b="0" i="0" u="none" strike="noStrike" kern="1200" cap="none" spc="0" normalizeH="0" baseline="0" noProof="0" dirty="0" err="1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c.c</a:t>
              </a: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.) karşı sorumluluk bilinci taşıyanlar kimlerdir?</a:t>
              </a:r>
            </a:p>
          </p:txBody>
        </p:sp>
      </p:grpSp>
      <p:sp>
        <p:nvSpPr>
          <p:cNvPr id="128" name="Dikdörtgen 127"/>
          <p:cNvSpPr/>
          <p:nvPr/>
        </p:nvSpPr>
        <p:spPr>
          <a:xfrm>
            <a:off x="425301" y="4977630"/>
            <a:ext cx="723332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50" normalizeH="0" baseline="0" noProof="0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5B9BD5">
                      <a:alpha val="40000"/>
                    </a:srgbClr>
                  </a:glo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D</a:t>
            </a:r>
          </a:p>
        </p:txBody>
      </p:sp>
      <p:sp>
        <p:nvSpPr>
          <p:cNvPr id="129" name="Dikdörtgen 128"/>
          <p:cNvSpPr/>
          <p:nvPr/>
        </p:nvSpPr>
        <p:spPr>
          <a:xfrm>
            <a:off x="331627" y="3508251"/>
            <a:ext cx="723332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50" normalizeH="0" baseline="0" noProof="0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5B9BD5">
                      <a:alpha val="40000"/>
                    </a:srgbClr>
                  </a:glo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B</a:t>
            </a:r>
          </a:p>
        </p:txBody>
      </p:sp>
      <p:sp>
        <p:nvSpPr>
          <p:cNvPr id="130" name="Dikdörtgen 129"/>
          <p:cNvSpPr/>
          <p:nvPr/>
        </p:nvSpPr>
        <p:spPr>
          <a:xfrm>
            <a:off x="426950" y="5687317"/>
            <a:ext cx="663812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50" normalizeH="0" baseline="0" noProof="0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5B9BD5">
                      <a:alpha val="40000"/>
                    </a:srgbClr>
                  </a:glo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E</a:t>
            </a:r>
          </a:p>
        </p:txBody>
      </p:sp>
      <p:sp>
        <p:nvSpPr>
          <p:cNvPr id="30" name="Dikdörtgen 29"/>
          <p:cNvSpPr/>
          <p:nvPr/>
        </p:nvSpPr>
        <p:spPr>
          <a:xfrm>
            <a:off x="122829" y="4345596"/>
            <a:ext cx="504966" cy="504376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grpSp>
        <p:nvGrpSpPr>
          <p:cNvPr id="31" name="D"/>
          <p:cNvGrpSpPr/>
          <p:nvPr/>
        </p:nvGrpSpPr>
        <p:grpSpPr>
          <a:xfrm>
            <a:off x="536452" y="4335909"/>
            <a:ext cx="11518296" cy="543555"/>
            <a:chOff x="955343" y="3343697"/>
            <a:chExt cx="11518296" cy="682391"/>
          </a:xfrm>
        </p:grpSpPr>
        <p:sp>
          <p:nvSpPr>
            <p:cNvPr id="32" name="Yuvarlatılmış Dikdörtgen 31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38ACBB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3" name="Serbest Form 32"/>
            <p:cNvSpPr/>
            <p:nvPr/>
          </p:nvSpPr>
          <p:spPr>
            <a:xfrm>
              <a:off x="1228299" y="3343697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llah (</a:t>
              </a:r>
              <a:r>
                <a:rPr kumimoji="0" lang="tr-TR" sz="2800" b="0" i="0" u="none" strike="noStrike" kern="1200" cap="none" spc="0" normalizeH="0" baseline="0" noProof="0" dirty="0" err="1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c.c</a:t>
              </a: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.) hangi davranışlara mükâfat vadetmektedir? </a:t>
              </a:r>
            </a:p>
          </p:txBody>
        </p:sp>
      </p:grpSp>
      <p:sp>
        <p:nvSpPr>
          <p:cNvPr id="34" name="Dikdörtgen 33"/>
          <p:cNvSpPr/>
          <p:nvPr/>
        </p:nvSpPr>
        <p:spPr>
          <a:xfrm>
            <a:off x="413621" y="4253742"/>
            <a:ext cx="627797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1200" cap="none" spc="50" normalizeH="0" baseline="0" noProof="0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5B9BD5">
                      <a:alpha val="40000"/>
                    </a:srgbClr>
                  </a:glo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C</a:t>
            </a:r>
          </a:p>
        </p:txBody>
      </p:sp>
      <p:sp>
        <p:nvSpPr>
          <p:cNvPr id="35" name="Yuvarlatılmış Dikdörtgen 34"/>
          <p:cNvSpPr/>
          <p:nvPr/>
        </p:nvSpPr>
        <p:spPr>
          <a:xfrm>
            <a:off x="8978150" y="2233791"/>
            <a:ext cx="3163752" cy="495233"/>
          </a:xfrm>
          <a:prstGeom prst="roundRect">
            <a:avLst/>
          </a:prstGeom>
          <a:solidFill>
            <a:srgbClr val="C00000"/>
          </a:solidFill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ögm SORU HAVUZU</a:t>
            </a:r>
            <a:endParaRPr kumimoji="0" lang="tr-TR" sz="24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083767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0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50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5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500"/>
                                        <p:tgtEl>
                                          <p:spTgt spid="1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8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500"/>
                                        <p:tgtEl>
                                          <p:spTgt spid="13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1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1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500"/>
                                        <p:tgtEl>
                                          <p:spTgt spid="1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4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</p:childTnLst>
        </p:cTn>
      </p:par>
    </p:tnLst>
    <p:bldLst>
      <p:bldP spid="131" grpId="0" animBg="1"/>
      <p:bldP spid="132" grpId="0" animBg="1"/>
      <p:bldP spid="133" grpId="0" animBg="1"/>
      <p:bldP spid="127" grpId="0" animBg="1"/>
      <p:bldP spid="30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1" name="Dikdörtgen 130"/>
          <p:cNvSpPr/>
          <p:nvPr/>
        </p:nvSpPr>
        <p:spPr>
          <a:xfrm>
            <a:off x="7878498" y="3823034"/>
            <a:ext cx="777481" cy="623262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✔</a:t>
            </a:r>
          </a:p>
        </p:txBody>
      </p:sp>
      <p:sp>
        <p:nvSpPr>
          <p:cNvPr id="72" name="İçerik Yer Tutucusu 2"/>
          <p:cNvSpPr txBox="1">
            <a:spLocks/>
          </p:cNvSpPr>
          <p:nvPr/>
        </p:nvSpPr>
        <p:spPr>
          <a:xfrm>
            <a:off x="98474" y="126609"/>
            <a:ext cx="7568418" cy="6443003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gradFill>
              <a:gsLst>
                <a:gs pos="0">
                  <a:schemeClr val="bg1">
                    <a:alpha val="99000"/>
                  </a:schemeClr>
                </a:gs>
                <a:gs pos="100000">
                  <a:schemeClr val="bg1"/>
                </a:gs>
              </a:gsLst>
              <a:lin ang="5400000" scaled="1"/>
            </a:gra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algn="just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llah (</a:t>
            </a:r>
            <a:r>
              <a:rPr kumimoji="0" lang="tr-TR" sz="28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inancı, ahlaki değerlere kaynaklık eder. İnsan olmayı önemseyen herkes için ahlaki değerler vazgeçilmezdir. Allah (</a:t>
            </a:r>
            <a:r>
              <a:rPr kumimoji="0" lang="tr-TR" sz="28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inancı, insanı erdemli kılar. İman, insanî değerlerin gelişmesi için uygun bir iklim sunar. İnanan insan, Rabbini sever ve iman etmenin Allah’ın (</a:t>
            </a:r>
            <a:r>
              <a:rPr kumimoji="0" lang="tr-TR" sz="28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hoşnut olacağı güzel işler yapmak anlamına geldiğini kavrar. Bu paragrafa göre; </a:t>
            </a:r>
          </a:p>
          <a:p>
            <a:pPr marL="971550" marR="0" lvl="1" indent="-514350" algn="just" defTabSz="914400" rtl="0" eaLnBrk="1" fontAlgn="auto" latinLnBrk="0" hangingPunct="1">
              <a:lnSpc>
                <a:spcPct val="100000"/>
              </a:lnSpc>
              <a:spcBef>
                <a:spcPts val="500"/>
              </a:spcBef>
              <a:spcAft>
                <a:spcPts val="0"/>
              </a:spcAft>
              <a:buClrTx/>
              <a:buSzTx/>
              <a:buFont typeface="+mj-lt"/>
              <a:buAutoNum type="romanUcPeriod"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man etmek güzel işler yapmayı gerektirir. </a:t>
            </a:r>
          </a:p>
          <a:p>
            <a:pPr marL="971550" marR="0" lvl="1" indent="-514350" algn="just" defTabSz="914400" rtl="0" eaLnBrk="1" fontAlgn="auto" latinLnBrk="0" hangingPunct="1">
              <a:lnSpc>
                <a:spcPct val="100000"/>
              </a:lnSpc>
              <a:spcBef>
                <a:spcPts val="500"/>
              </a:spcBef>
              <a:spcAft>
                <a:spcPts val="0"/>
              </a:spcAft>
              <a:buClrTx/>
              <a:buSzTx/>
              <a:buFont typeface="+mj-lt"/>
              <a:buAutoNum type="romanUcPeriod"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man, toplum hayatına yön veren değerlere sahiptir. </a:t>
            </a:r>
          </a:p>
          <a:p>
            <a:pPr marL="971550" marR="0" lvl="1" indent="-514350" algn="just" defTabSz="914400" rtl="0" eaLnBrk="1" fontAlgn="auto" latinLnBrk="0" hangingPunct="1">
              <a:lnSpc>
                <a:spcPct val="100000"/>
              </a:lnSpc>
              <a:spcBef>
                <a:spcPts val="500"/>
              </a:spcBef>
              <a:spcAft>
                <a:spcPts val="0"/>
              </a:spcAft>
              <a:buClrTx/>
              <a:buSzTx/>
              <a:buFont typeface="+mj-lt"/>
              <a:buAutoNum type="romanUcPeriod"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hlaki değerler evrensel olduğu için kaynağı belli değildir. </a:t>
            </a:r>
          </a:p>
          <a:p>
            <a:pPr marL="0" marR="0" lvl="0" indent="0" algn="just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24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. ifadelerinden hangisi/hangileri doğrudur?</a:t>
            </a:r>
          </a:p>
        </p:txBody>
      </p:sp>
      <p:sp>
        <p:nvSpPr>
          <p:cNvPr id="30" name="Dikdörtgen 29"/>
          <p:cNvSpPr/>
          <p:nvPr/>
        </p:nvSpPr>
        <p:spPr>
          <a:xfrm>
            <a:off x="7867165" y="977465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grpSp>
        <p:nvGrpSpPr>
          <p:cNvPr id="8" name="Grup 7"/>
          <p:cNvGrpSpPr/>
          <p:nvPr/>
        </p:nvGrpSpPr>
        <p:grpSpPr>
          <a:xfrm>
            <a:off x="8644646" y="977465"/>
            <a:ext cx="3098729" cy="623261"/>
            <a:chOff x="9304418" y="1698250"/>
            <a:chExt cx="2519732" cy="623261"/>
          </a:xfrm>
          <a:solidFill>
            <a:schemeClr val="accent1">
              <a:lumMod val="60000"/>
              <a:lumOff val="40000"/>
            </a:schemeClr>
          </a:solidFill>
        </p:grpSpPr>
        <p:sp>
          <p:nvSpPr>
            <p:cNvPr id="96" name="Serbest Form 95"/>
            <p:cNvSpPr/>
            <p:nvPr/>
          </p:nvSpPr>
          <p:spPr>
            <a:xfrm>
              <a:off x="9304421" y="1698250"/>
              <a:ext cx="2519729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      </a:t>
              </a: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Yalnız I</a:t>
              </a:r>
              <a:endPara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7" name="İkizkenar Üçgen 6"/>
            <p:cNvSpPr/>
            <p:nvPr/>
          </p:nvSpPr>
          <p:spPr>
            <a:xfrm rot="5400000">
              <a:off x="9369777" y="1632891"/>
              <a:ext cx="623261" cy="753979"/>
            </a:xfrm>
            <a:prstGeom prst="triangle">
              <a:avLst/>
            </a:prstGeom>
            <a:solidFill>
              <a:schemeClr val="bg2">
                <a:lumMod val="50000"/>
              </a:schemeClr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</a:t>
              </a:r>
            </a:p>
          </p:txBody>
        </p:sp>
      </p:grpSp>
      <p:grpSp>
        <p:nvGrpSpPr>
          <p:cNvPr id="56" name="Grup 55"/>
          <p:cNvGrpSpPr/>
          <p:nvPr/>
        </p:nvGrpSpPr>
        <p:grpSpPr>
          <a:xfrm>
            <a:off x="8654402" y="4692661"/>
            <a:ext cx="3098728" cy="623261"/>
            <a:chOff x="9304418" y="1698250"/>
            <a:chExt cx="3098728" cy="623261"/>
          </a:xfrm>
        </p:grpSpPr>
        <p:sp>
          <p:nvSpPr>
            <p:cNvPr id="57" name="Serbest Form 56"/>
            <p:cNvSpPr/>
            <p:nvPr/>
          </p:nvSpPr>
          <p:spPr>
            <a:xfrm>
              <a:off x="9304421" y="1698250"/>
              <a:ext cx="3098725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    II - III</a:t>
              </a:r>
            </a:p>
          </p:txBody>
        </p:sp>
        <p:sp>
          <p:nvSpPr>
            <p:cNvPr id="58" name="İkizkenar Üçgen 57"/>
            <p:cNvSpPr/>
            <p:nvPr/>
          </p:nvSpPr>
          <p:spPr>
            <a:xfrm rot="5400000">
              <a:off x="9369777" y="1632891"/>
              <a:ext cx="623261" cy="753979"/>
            </a:xfrm>
            <a:prstGeom prst="triangle">
              <a:avLst/>
            </a:prstGeom>
            <a:solidFill>
              <a:srgbClr val="FF0000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E</a:t>
              </a:r>
            </a:p>
          </p:txBody>
        </p:sp>
      </p:grpSp>
      <p:grpSp>
        <p:nvGrpSpPr>
          <p:cNvPr id="59" name="Grup 58"/>
          <p:cNvGrpSpPr/>
          <p:nvPr/>
        </p:nvGrpSpPr>
        <p:grpSpPr>
          <a:xfrm>
            <a:off x="8644647" y="2910079"/>
            <a:ext cx="3098728" cy="623261"/>
            <a:chOff x="9304418" y="1698250"/>
            <a:chExt cx="3098728" cy="623261"/>
          </a:xfrm>
        </p:grpSpPr>
        <p:sp>
          <p:nvSpPr>
            <p:cNvPr id="60" name="Serbest Form 59"/>
            <p:cNvSpPr/>
            <p:nvPr/>
          </p:nvSpPr>
          <p:spPr>
            <a:xfrm>
              <a:off x="9304421" y="1698250"/>
              <a:ext cx="3098725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     Yalnız III</a:t>
              </a:r>
            </a:p>
          </p:txBody>
        </p:sp>
        <p:sp>
          <p:nvSpPr>
            <p:cNvPr id="61" name="İkizkenar Üçgen 60"/>
            <p:cNvSpPr/>
            <p:nvPr/>
          </p:nvSpPr>
          <p:spPr>
            <a:xfrm rot="5400000">
              <a:off x="9369777" y="1632891"/>
              <a:ext cx="623261" cy="753979"/>
            </a:xfrm>
            <a:prstGeom prst="triangle">
              <a:avLst/>
            </a:prstGeom>
            <a:solidFill>
              <a:srgbClr val="38ACBB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C</a:t>
              </a:r>
            </a:p>
          </p:txBody>
        </p:sp>
      </p:grpSp>
      <p:grpSp>
        <p:nvGrpSpPr>
          <p:cNvPr id="62" name="Grup 61"/>
          <p:cNvGrpSpPr/>
          <p:nvPr/>
        </p:nvGrpSpPr>
        <p:grpSpPr>
          <a:xfrm>
            <a:off x="8712442" y="1904446"/>
            <a:ext cx="3098728" cy="623261"/>
            <a:chOff x="9304418" y="1698250"/>
            <a:chExt cx="3098728" cy="623261"/>
          </a:xfrm>
        </p:grpSpPr>
        <p:sp>
          <p:nvSpPr>
            <p:cNvPr id="63" name="Serbest Form 62"/>
            <p:cNvSpPr/>
            <p:nvPr/>
          </p:nvSpPr>
          <p:spPr>
            <a:xfrm>
              <a:off x="9304421" y="1698250"/>
              <a:ext cx="3098725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    </a:t>
              </a: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Yalnız II</a:t>
              </a:r>
              <a:endPara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64" name="İkizkenar Üçgen 63"/>
            <p:cNvSpPr/>
            <p:nvPr/>
          </p:nvSpPr>
          <p:spPr>
            <a:xfrm rot="5400000">
              <a:off x="9369777" y="1632891"/>
              <a:ext cx="623261" cy="753979"/>
            </a:xfrm>
            <a:prstGeom prst="triangle">
              <a:avLst/>
            </a:prstGeom>
            <a:solidFill>
              <a:schemeClr val="accent4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B</a:t>
              </a:r>
            </a:p>
          </p:txBody>
        </p:sp>
      </p:grpSp>
      <p:grpSp>
        <p:nvGrpSpPr>
          <p:cNvPr id="65" name="Grup 64"/>
          <p:cNvGrpSpPr/>
          <p:nvPr/>
        </p:nvGrpSpPr>
        <p:grpSpPr>
          <a:xfrm>
            <a:off x="8681130" y="3779705"/>
            <a:ext cx="3098728" cy="623261"/>
            <a:chOff x="9304418" y="1698250"/>
            <a:chExt cx="3098728" cy="623261"/>
          </a:xfrm>
        </p:grpSpPr>
        <p:sp>
          <p:nvSpPr>
            <p:cNvPr id="66" name="Serbest Form 65"/>
            <p:cNvSpPr/>
            <p:nvPr/>
          </p:nvSpPr>
          <p:spPr>
            <a:xfrm>
              <a:off x="9304421" y="1698250"/>
              <a:ext cx="3098725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     </a:t>
              </a: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 - II</a:t>
              </a:r>
            </a:p>
          </p:txBody>
        </p:sp>
        <p:sp>
          <p:nvSpPr>
            <p:cNvPr id="67" name="İkizkenar Üçgen 66"/>
            <p:cNvSpPr/>
            <p:nvPr/>
          </p:nvSpPr>
          <p:spPr>
            <a:xfrm rot="5400000">
              <a:off x="9369777" y="1632891"/>
              <a:ext cx="623261" cy="753979"/>
            </a:xfrm>
            <a:prstGeom prst="triangle">
              <a:avLst/>
            </a:prstGeom>
            <a:solidFill>
              <a:srgbClr val="DA64B6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D</a:t>
              </a:r>
            </a:p>
          </p:txBody>
        </p:sp>
      </p:grpSp>
      <p:sp>
        <p:nvSpPr>
          <p:cNvPr id="71" name="Dikdörtgen 70"/>
          <p:cNvSpPr/>
          <p:nvPr/>
        </p:nvSpPr>
        <p:spPr>
          <a:xfrm>
            <a:off x="7867164" y="4692660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73" name="Dikdörtgen 72"/>
          <p:cNvSpPr/>
          <p:nvPr/>
        </p:nvSpPr>
        <p:spPr>
          <a:xfrm>
            <a:off x="7867164" y="2907022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74" name="Dikdörtgen 73"/>
          <p:cNvSpPr/>
          <p:nvPr/>
        </p:nvSpPr>
        <p:spPr>
          <a:xfrm>
            <a:off x="7899407" y="1898331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24" name="Yuvarlatılmış Dikdörtgen 23"/>
          <p:cNvSpPr/>
          <p:nvPr/>
        </p:nvSpPr>
        <p:spPr>
          <a:xfrm>
            <a:off x="9021636" y="0"/>
            <a:ext cx="3163752" cy="495233"/>
          </a:xfrm>
          <a:prstGeom prst="roundRect">
            <a:avLst/>
          </a:prstGeom>
          <a:solidFill>
            <a:srgbClr val="C00000"/>
          </a:solidFill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ögm SORU HAVUZU</a:t>
            </a:r>
            <a:endParaRPr kumimoji="0" lang="tr-TR" sz="24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109211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5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6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5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1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9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6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25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2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6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500"/>
                                        <p:tgtEl>
                                          <p:spTgt spid="1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5"/>
                  </p:tgtEl>
                </p:cond>
              </p:nextCondLst>
            </p:seq>
          </p:childTnLst>
        </p:cTn>
      </p:par>
    </p:tnLst>
    <p:bldLst>
      <p:bldP spid="131" grpId="0" animBg="1"/>
      <p:bldP spid="30" grpId="0" animBg="1"/>
      <p:bldP spid="71" grpId="0" animBg="1"/>
      <p:bldP spid="73" grpId="0" animBg="1"/>
      <p:bldP spid="74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" name="İçerik Yer Tutucusu 2"/>
          <p:cNvSpPr txBox="1">
            <a:spLocks/>
          </p:cNvSpPr>
          <p:nvPr/>
        </p:nvSpPr>
        <p:spPr>
          <a:xfrm>
            <a:off x="279306" y="125409"/>
            <a:ext cx="7199117" cy="6186486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gradFill>
              <a:gsLst>
                <a:gs pos="0">
                  <a:schemeClr val="bg1">
                    <a:alpha val="99000"/>
                  </a:schemeClr>
                </a:gs>
                <a:gs pos="100000">
                  <a:schemeClr val="bg1"/>
                </a:gs>
              </a:gsLst>
              <a:lin ang="5400000" scaled="1"/>
            </a:gra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571500" marR="0" lvl="0" indent="-571500" algn="just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+mj-lt"/>
              <a:buAutoNum type="romanUcPeriod"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llah’a (</a:t>
            </a:r>
            <a:r>
              <a:rPr kumimoji="0" lang="tr-TR" sz="28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olan inancı sayesinde insanın; eşya, tabiat ve canlılara olan bakışı değişir.</a:t>
            </a:r>
          </a:p>
          <a:p>
            <a:pPr marL="571500" marR="0" lvl="0" indent="-571500" algn="just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+mj-lt"/>
              <a:buAutoNum type="romanUcPeriod"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er şeyi yaratanın Allah (</a:t>
            </a:r>
            <a:r>
              <a:rPr kumimoji="0" lang="tr-TR" sz="28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olduğunu idrak eden insan, evrenden bağımsız olduğunu anlar.</a:t>
            </a:r>
          </a:p>
          <a:p>
            <a:pPr marL="571500" marR="0" lvl="0" indent="-571500" algn="just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+mj-lt"/>
              <a:buAutoNum type="romanUcPeriod"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llah’a (</a:t>
            </a:r>
            <a:r>
              <a:rPr kumimoji="0" lang="tr-TR" sz="28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.c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) olan inanç insana değer vermeyi, diğer varlıklara zarar vermekten kaçınmayı gerektirir. </a:t>
            </a:r>
          </a:p>
          <a:p>
            <a:pPr marL="457200" marR="0" lvl="1" indent="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4. Yukarıdaki ifadelerden hangisi/hangileri </a:t>
            </a:r>
            <a:r>
              <a:rPr kumimoji="0" lang="tr-TR" sz="3600" b="1" i="0" u="sng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anlıştır?</a:t>
            </a:r>
          </a:p>
        </p:txBody>
      </p:sp>
      <p:sp>
        <p:nvSpPr>
          <p:cNvPr id="24" name="Dikdörtgen 23"/>
          <p:cNvSpPr/>
          <p:nvPr/>
        </p:nvSpPr>
        <p:spPr>
          <a:xfrm>
            <a:off x="7867164" y="1975933"/>
            <a:ext cx="777481" cy="623262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✔</a:t>
            </a:r>
          </a:p>
        </p:txBody>
      </p:sp>
      <p:sp>
        <p:nvSpPr>
          <p:cNvPr id="25" name="Dikdörtgen 24"/>
          <p:cNvSpPr/>
          <p:nvPr/>
        </p:nvSpPr>
        <p:spPr>
          <a:xfrm>
            <a:off x="7867165" y="977465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grpSp>
        <p:nvGrpSpPr>
          <p:cNvPr id="27" name="Grup 26"/>
          <p:cNvGrpSpPr/>
          <p:nvPr/>
        </p:nvGrpSpPr>
        <p:grpSpPr>
          <a:xfrm>
            <a:off x="8644646" y="977465"/>
            <a:ext cx="3098729" cy="623261"/>
            <a:chOff x="9304418" y="1698250"/>
            <a:chExt cx="2519732" cy="623261"/>
          </a:xfrm>
          <a:solidFill>
            <a:schemeClr val="accent1">
              <a:lumMod val="60000"/>
              <a:lumOff val="40000"/>
            </a:schemeClr>
          </a:solidFill>
        </p:grpSpPr>
        <p:sp>
          <p:nvSpPr>
            <p:cNvPr id="28" name="Serbest Form 27"/>
            <p:cNvSpPr/>
            <p:nvPr/>
          </p:nvSpPr>
          <p:spPr>
            <a:xfrm>
              <a:off x="9304421" y="1698250"/>
              <a:ext cx="2519729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Yalnız I</a:t>
              </a:r>
              <a:endPara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29" name="İkizkenar Üçgen 28"/>
            <p:cNvSpPr/>
            <p:nvPr/>
          </p:nvSpPr>
          <p:spPr>
            <a:xfrm rot="5400000">
              <a:off x="9369777" y="1632891"/>
              <a:ext cx="623261" cy="753979"/>
            </a:xfrm>
            <a:prstGeom prst="triangle">
              <a:avLst/>
            </a:prstGeom>
            <a:solidFill>
              <a:schemeClr val="bg2">
                <a:lumMod val="50000"/>
              </a:schemeClr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</a:t>
              </a:r>
            </a:p>
          </p:txBody>
        </p:sp>
      </p:grpSp>
      <p:grpSp>
        <p:nvGrpSpPr>
          <p:cNvPr id="31" name="Grup 30"/>
          <p:cNvGrpSpPr/>
          <p:nvPr/>
        </p:nvGrpSpPr>
        <p:grpSpPr>
          <a:xfrm>
            <a:off x="8654402" y="4692661"/>
            <a:ext cx="3098728" cy="623261"/>
            <a:chOff x="9304418" y="1698250"/>
            <a:chExt cx="3098728" cy="623261"/>
          </a:xfrm>
        </p:grpSpPr>
        <p:sp>
          <p:nvSpPr>
            <p:cNvPr id="32" name="Serbest Form 31"/>
            <p:cNvSpPr/>
            <p:nvPr/>
          </p:nvSpPr>
          <p:spPr>
            <a:xfrm>
              <a:off x="9304421" y="1698250"/>
              <a:ext cx="3098725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I - III</a:t>
              </a:r>
            </a:p>
          </p:txBody>
        </p:sp>
        <p:sp>
          <p:nvSpPr>
            <p:cNvPr id="33" name="İkizkenar Üçgen 32"/>
            <p:cNvSpPr/>
            <p:nvPr/>
          </p:nvSpPr>
          <p:spPr>
            <a:xfrm rot="5400000">
              <a:off x="9369777" y="1632891"/>
              <a:ext cx="623261" cy="753979"/>
            </a:xfrm>
            <a:prstGeom prst="triangle">
              <a:avLst/>
            </a:prstGeom>
            <a:solidFill>
              <a:srgbClr val="FF0000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E</a:t>
              </a:r>
            </a:p>
          </p:txBody>
        </p:sp>
      </p:grpSp>
      <p:grpSp>
        <p:nvGrpSpPr>
          <p:cNvPr id="34" name="Grup 33"/>
          <p:cNvGrpSpPr/>
          <p:nvPr/>
        </p:nvGrpSpPr>
        <p:grpSpPr>
          <a:xfrm>
            <a:off x="8644647" y="2910079"/>
            <a:ext cx="3098728" cy="623261"/>
            <a:chOff x="9304418" y="1698250"/>
            <a:chExt cx="3098728" cy="623261"/>
          </a:xfrm>
        </p:grpSpPr>
        <p:sp>
          <p:nvSpPr>
            <p:cNvPr id="35" name="Serbest Form 34"/>
            <p:cNvSpPr/>
            <p:nvPr/>
          </p:nvSpPr>
          <p:spPr>
            <a:xfrm>
              <a:off x="9304421" y="1698250"/>
              <a:ext cx="3098725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Yalnız III</a:t>
              </a:r>
            </a:p>
          </p:txBody>
        </p:sp>
        <p:sp>
          <p:nvSpPr>
            <p:cNvPr id="36" name="İkizkenar Üçgen 35"/>
            <p:cNvSpPr/>
            <p:nvPr/>
          </p:nvSpPr>
          <p:spPr>
            <a:xfrm rot="5400000">
              <a:off x="9369777" y="1632891"/>
              <a:ext cx="623261" cy="753979"/>
            </a:xfrm>
            <a:prstGeom prst="triangle">
              <a:avLst/>
            </a:prstGeom>
            <a:solidFill>
              <a:srgbClr val="38ACBB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C</a:t>
              </a:r>
            </a:p>
          </p:txBody>
        </p:sp>
      </p:grpSp>
      <p:grpSp>
        <p:nvGrpSpPr>
          <p:cNvPr id="37" name="Grup 36"/>
          <p:cNvGrpSpPr/>
          <p:nvPr/>
        </p:nvGrpSpPr>
        <p:grpSpPr>
          <a:xfrm>
            <a:off x="8644645" y="3801369"/>
            <a:ext cx="3098728" cy="623261"/>
            <a:chOff x="9304418" y="1698250"/>
            <a:chExt cx="3098728" cy="623261"/>
          </a:xfrm>
        </p:grpSpPr>
        <p:sp>
          <p:nvSpPr>
            <p:cNvPr id="38" name="Serbest Form 37"/>
            <p:cNvSpPr/>
            <p:nvPr/>
          </p:nvSpPr>
          <p:spPr>
            <a:xfrm>
              <a:off x="9304421" y="1698250"/>
              <a:ext cx="3098725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 - II</a:t>
              </a:r>
            </a:p>
          </p:txBody>
        </p:sp>
        <p:sp>
          <p:nvSpPr>
            <p:cNvPr id="39" name="İkizkenar Üçgen 38"/>
            <p:cNvSpPr/>
            <p:nvPr/>
          </p:nvSpPr>
          <p:spPr>
            <a:xfrm rot="5400000">
              <a:off x="9369777" y="1632891"/>
              <a:ext cx="623261" cy="753979"/>
            </a:xfrm>
            <a:prstGeom prst="triangle">
              <a:avLst/>
            </a:prstGeom>
            <a:solidFill>
              <a:srgbClr val="D964B5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D</a:t>
              </a:r>
            </a:p>
          </p:txBody>
        </p:sp>
      </p:grpSp>
      <p:grpSp>
        <p:nvGrpSpPr>
          <p:cNvPr id="40" name="Grup 39"/>
          <p:cNvGrpSpPr/>
          <p:nvPr/>
        </p:nvGrpSpPr>
        <p:grpSpPr>
          <a:xfrm>
            <a:off x="8669796" y="1932604"/>
            <a:ext cx="3098728" cy="623261"/>
            <a:chOff x="9304418" y="1698250"/>
            <a:chExt cx="3098728" cy="623261"/>
          </a:xfrm>
        </p:grpSpPr>
        <p:sp>
          <p:nvSpPr>
            <p:cNvPr id="41" name="Serbest Form 40"/>
            <p:cNvSpPr/>
            <p:nvPr/>
          </p:nvSpPr>
          <p:spPr>
            <a:xfrm>
              <a:off x="9304421" y="1698250"/>
              <a:ext cx="3098725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Yalnız I</a:t>
              </a:r>
              <a:endPara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42" name="İkizkenar Üçgen 41"/>
            <p:cNvSpPr/>
            <p:nvPr/>
          </p:nvSpPr>
          <p:spPr>
            <a:xfrm rot="5400000">
              <a:off x="9369777" y="1632891"/>
              <a:ext cx="623261" cy="753979"/>
            </a:xfrm>
            <a:prstGeom prst="triangle">
              <a:avLst/>
            </a:prstGeom>
            <a:solidFill>
              <a:srgbClr val="FFC000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B</a:t>
              </a:r>
            </a:p>
          </p:txBody>
        </p:sp>
      </p:grpSp>
      <p:sp>
        <p:nvSpPr>
          <p:cNvPr id="43" name="Dikdörtgen 42"/>
          <p:cNvSpPr/>
          <p:nvPr/>
        </p:nvSpPr>
        <p:spPr>
          <a:xfrm>
            <a:off x="7867164" y="4692660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44" name="Dikdörtgen 43"/>
          <p:cNvSpPr/>
          <p:nvPr/>
        </p:nvSpPr>
        <p:spPr>
          <a:xfrm>
            <a:off x="7867164" y="2907022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45" name="Dikdörtgen 44"/>
          <p:cNvSpPr/>
          <p:nvPr/>
        </p:nvSpPr>
        <p:spPr>
          <a:xfrm>
            <a:off x="7831610" y="3795254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X</a:t>
            </a:r>
          </a:p>
        </p:txBody>
      </p:sp>
      <p:sp>
        <p:nvSpPr>
          <p:cNvPr id="46" name="Yuvarlatılmış Dikdörtgen 45"/>
          <p:cNvSpPr/>
          <p:nvPr/>
        </p:nvSpPr>
        <p:spPr>
          <a:xfrm>
            <a:off x="9031391" y="-97430"/>
            <a:ext cx="3163752" cy="495233"/>
          </a:xfrm>
          <a:prstGeom prst="roundRect">
            <a:avLst/>
          </a:prstGeom>
          <a:solidFill>
            <a:srgbClr val="C00000"/>
          </a:solidFill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ögm SORU HAVUZU</a:t>
            </a:r>
            <a:endParaRPr kumimoji="0" lang="tr-TR" sz="24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6607566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7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3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1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4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3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25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7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0"/>
                  </p:tgtEl>
                </p:cond>
              </p:nextCondLst>
            </p:seq>
          </p:childTnLst>
        </p:cTn>
      </p:par>
    </p:tnLst>
    <p:bldLst>
      <p:bldP spid="24" grpId="0" animBg="1"/>
      <p:bldP spid="25" grpId="0" animBg="1"/>
      <p:bldP spid="43" grpId="0" animBg="1"/>
      <p:bldP spid="44" grpId="0" animBg="1"/>
      <p:bldP spid="45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0" y="-21578"/>
            <a:ext cx="12186017" cy="193576"/>
            <a:chOff x="0" y="0"/>
            <a:chExt cx="6355159" cy="378290"/>
          </a:xfrm>
          <a:solidFill>
            <a:srgbClr val="34ADF5"/>
          </a:solidFill>
        </p:grpSpPr>
        <p:sp>
          <p:nvSpPr>
            <p:cNvPr id="3" name="Freeform 3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marL="0" marR="0" lvl="0" indent="0" algn="ctr" defTabSz="609630" rtl="0" eaLnBrk="1" fontAlgn="auto" latinLnBrk="0" hangingPunct="1">
                <a:lnSpc>
                  <a:spcPts val="415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17" name="Group 17"/>
          <p:cNvGrpSpPr/>
          <p:nvPr/>
        </p:nvGrpSpPr>
        <p:grpSpPr>
          <a:xfrm>
            <a:off x="2409291" y="6725978"/>
            <a:ext cx="9776726" cy="149298"/>
            <a:chOff x="0" y="0"/>
            <a:chExt cx="6355159" cy="378290"/>
          </a:xfrm>
          <a:solidFill>
            <a:srgbClr val="34ADF5"/>
          </a:solidFill>
        </p:grpSpPr>
        <p:sp>
          <p:nvSpPr>
            <p:cNvPr id="18" name="Freeform 18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marL="0" marR="0" lvl="0" indent="0" algn="ctr" defTabSz="609630" rtl="0" eaLnBrk="1" fontAlgn="auto" latinLnBrk="0" hangingPunct="1">
                <a:lnSpc>
                  <a:spcPts val="415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24" name="Freeform 24"/>
          <p:cNvSpPr/>
          <p:nvPr/>
        </p:nvSpPr>
        <p:spPr>
          <a:xfrm>
            <a:off x="7208874" y="754912"/>
            <a:ext cx="4977143" cy="5612600"/>
          </a:xfrm>
          <a:custGeom>
            <a:avLst/>
            <a:gdLst/>
            <a:ahLst/>
            <a:cxnLst/>
            <a:rect l="l" t="t" r="r" b="b"/>
            <a:pathLst>
              <a:path w="5778062" h="5778062">
                <a:moveTo>
                  <a:pt x="0" y="0"/>
                </a:moveTo>
                <a:lnTo>
                  <a:pt x="5778063" y="0"/>
                </a:lnTo>
                <a:lnTo>
                  <a:pt x="5778063" y="5778062"/>
                </a:lnTo>
                <a:lnTo>
                  <a:pt x="0" y="577806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1454266" y="671383"/>
            <a:ext cx="4478017" cy="662938"/>
          </a:xfrm>
          <a:prstGeom prst="rect">
            <a:avLst/>
          </a:prstGeom>
          <a:solidFill>
            <a:srgbClr val="FDF7F5"/>
          </a:solidFill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5846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0" i="0" u="none" strike="noStrike" kern="1200" cap="none" spc="83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Helvetica" panose="020B0604020202020204" pitchFamily="34" charset="0"/>
                <a:ea typeface="+mn-ea"/>
                <a:cs typeface="Helvetica" panose="020B0604020202020204" pitchFamily="34" charset="0"/>
              </a:rPr>
              <a:t>MUSTAFA YILDIRIM</a:t>
            </a:r>
          </a:p>
        </p:txBody>
      </p:sp>
      <p:sp>
        <p:nvSpPr>
          <p:cNvPr id="31" name="TextBox 31"/>
          <p:cNvSpPr txBox="1"/>
          <p:nvPr/>
        </p:nvSpPr>
        <p:spPr>
          <a:xfrm>
            <a:off x="189550" y="1339849"/>
            <a:ext cx="7218045" cy="398314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3419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0" normalizeH="0" baseline="0" noProof="0" dirty="0">
                <a:ln>
                  <a:noFill/>
                </a:ln>
                <a:solidFill>
                  <a:srgbClr val="34ADF5"/>
                </a:solidFill>
                <a:effectLst/>
                <a:uLnTx/>
                <a:uFillTx/>
                <a:latin typeface="Helvetica" panose="020B0604020202020204" pitchFamily="34" charset="0"/>
                <a:ea typeface="+mn-ea"/>
                <a:cs typeface="Helvetica" panose="020B0604020202020204" pitchFamily="34" charset="0"/>
              </a:rPr>
              <a:t>DİN KÜLTÜRÜ VE AHLAK BİLGİSİ ÖĞRETMENİ</a:t>
            </a:r>
          </a:p>
        </p:txBody>
      </p:sp>
      <p:sp>
        <p:nvSpPr>
          <p:cNvPr id="32" name="TextBox 32">
            <a:hlinkClick r:id="rId5"/>
          </p:cNvPr>
          <p:cNvSpPr txBox="1"/>
          <p:nvPr/>
        </p:nvSpPr>
        <p:spPr>
          <a:xfrm>
            <a:off x="1315301" y="2390701"/>
            <a:ext cx="4249688" cy="45634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385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31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www.dindersimateryal.com</a:t>
            </a:r>
          </a:p>
        </p:txBody>
      </p:sp>
      <p:sp>
        <p:nvSpPr>
          <p:cNvPr id="40" name="Freeform 26">
            <a:hlinkClick r:id="rId6"/>
            <a:extLst>
              <a:ext uri="{FF2B5EF4-FFF2-40B4-BE49-F238E27FC236}">
                <a16:creationId xmlns:a16="http://schemas.microsoft.com/office/drawing/2014/main" id="{0F1ECF8B-A9EF-DBDA-9C9E-593E2186275D}"/>
              </a:ext>
            </a:extLst>
          </p:cNvPr>
          <p:cNvSpPr/>
          <p:nvPr/>
        </p:nvSpPr>
        <p:spPr>
          <a:xfrm>
            <a:off x="381564" y="3232437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4" name="Freeform 30">
            <a:hlinkClick r:id="rId7"/>
            <a:extLst>
              <a:ext uri="{FF2B5EF4-FFF2-40B4-BE49-F238E27FC236}">
                <a16:creationId xmlns:a16="http://schemas.microsoft.com/office/drawing/2014/main" id="{96B76201-8A16-0B6C-9A7C-D2D4AD3F8CE8}"/>
              </a:ext>
            </a:extLst>
          </p:cNvPr>
          <p:cNvSpPr/>
          <p:nvPr/>
        </p:nvSpPr>
        <p:spPr>
          <a:xfrm>
            <a:off x="381564" y="4251626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6" name="Freeform 32">
            <a:hlinkClick r:id="rId7"/>
            <a:extLst>
              <a:ext uri="{FF2B5EF4-FFF2-40B4-BE49-F238E27FC236}">
                <a16:creationId xmlns:a16="http://schemas.microsoft.com/office/drawing/2014/main" id="{E084193D-FFF4-8C43-63FC-081DCB4030C2}"/>
              </a:ext>
            </a:extLst>
          </p:cNvPr>
          <p:cNvSpPr/>
          <p:nvPr/>
        </p:nvSpPr>
        <p:spPr>
          <a:xfrm>
            <a:off x="515604" y="4394555"/>
            <a:ext cx="618314" cy="600537"/>
          </a:xfrm>
          <a:custGeom>
            <a:avLst/>
            <a:gdLst/>
            <a:ahLst/>
            <a:cxnLst/>
            <a:rect l="l" t="t" r="r" b="b"/>
            <a:pathLst>
              <a:path w="745110" h="723688">
                <a:moveTo>
                  <a:pt x="0" y="0"/>
                </a:moveTo>
                <a:lnTo>
                  <a:pt x="745110" y="0"/>
                </a:lnTo>
                <a:lnTo>
                  <a:pt x="745110" y="723689"/>
                </a:lnTo>
                <a:lnTo>
                  <a:pt x="0" y="723689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7" name="Freeform 33">
            <a:hlinkClick r:id="rId6"/>
            <a:extLst>
              <a:ext uri="{FF2B5EF4-FFF2-40B4-BE49-F238E27FC236}">
                <a16:creationId xmlns:a16="http://schemas.microsoft.com/office/drawing/2014/main" id="{45ED86CA-DED7-1114-1799-C4B31903F606}"/>
              </a:ext>
            </a:extLst>
          </p:cNvPr>
          <p:cNvSpPr/>
          <p:nvPr/>
        </p:nvSpPr>
        <p:spPr>
          <a:xfrm>
            <a:off x="499316" y="3350189"/>
            <a:ext cx="650891" cy="650891"/>
          </a:xfrm>
          <a:custGeom>
            <a:avLst/>
            <a:gdLst/>
            <a:ahLst/>
            <a:cxnLst/>
            <a:rect l="l" t="t" r="r" b="b"/>
            <a:pathLst>
              <a:path w="976336" h="976336">
                <a:moveTo>
                  <a:pt x="0" y="0"/>
                </a:moveTo>
                <a:lnTo>
                  <a:pt x="976336" y="0"/>
                </a:lnTo>
                <a:lnTo>
                  <a:pt x="976336" y="976336"/>
                </a:lnTo>
                <a:lnTo>
                  <a:pt x="0" y="976336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  <a:ln cap="sq">
            <a:noFill/>
            <a:prstDash val="solid"/>
            <a:miter/>
          </a:ln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9" name="TextBox 32">
            <a:extLst>
              <a:ext uri="{FF2B5EF4-FFF2-40B4-BE49-F238E27FC236}">
                <a16:creationId xmlns:a16="http://schemas.microsoft.com/office/drawing/2014/main" id="{397FB586-151D-101B-6DB2-44BBF9717EF3}"/>
              </a:ext>
            </a:extLst>
          </p:cNvPr>
          <p:cNvSpPr txBox="1"/>
          <p:nvPr/>
        </p:nvSpPr>
        <p:spPr>
          <a:xfrm>
            <a:off x="1315302" y="3428676"/>
            <a:ext cx="2810132" cy="45634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385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31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mustafa_yildirim129</a:t>
            </a:r>
          </a:p>
        </p:txBody>
      </p:sp>
      <p:sp>
        <p:nvSpPr>
          <p:cNvPr id="50" name="TextBox 32">
            <a:extLst>
              <a:ext uri="{FF2B5EF4-FFF2-40B4-BE49-F238E27FC236}">
                <a16:creationId xmlns:a16="http://schemas.microsoft.com/office/drawing/2014/main" id="{4DD7BF1C-DEC9-F6C3-8AC2-90B3DD2F1541}"/>
              </a:ext>
            </a:extLst>
          </p:cNvPr>
          <p:cNvSpPr txBox="1"/>
          <p:nvPr/>
        </p:nvSpPr>
        <p:spPr>
          <a:xfrm>
            <a:off x="1344453" y="4466651"/>
            <a:ext cx="4249688" cy="45634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385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31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t.me/</a:t>
            </a:r>
            <a:r>
              <a:rPr kumimoji="0" lang="en-US" sz="2400" b="0" i="0" u="none" strike="noStrike" kern="1200" cap="none" spc="31" normalizeH="0" baseline="0" noProof="0" dirty="0" err="1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Dindersimateryalcom</a:t>
            </a:r>
            <a:endParaRPr kumimoji="0" lang="en-US" sz="2400" b="0" i="0" u="none" strike="noStrike" kern="1200" cap="none" spc="31" normalizeH="0" baseline="0" noProof="0" dirty="0">
              <a:ln>
                <a:noFill/>
              </a:ln>
              <a:solidFill>
                <a:srgbClr val="4F4C4C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0" name="Dikdörtgen: Çapraz Köşeleri Kesik 19">
            <a:extLst>
              <a:ext uri="{FF2B5EF4-FFF2-40B4-BE49-F238E27FC236}">
                <a16:creationId xmlns:a16="http://schemas.microsoft.com/office/drawing/2014/main" id="{A8E4C9BC-68A6-D236-991F-B94CFE51A5F6}"/>
              </a:ext>
            </a:extLst>
          </p:cNvPr>
          <p:cNvSpPr/>
          <p:nvPr/>
        </p:nvSpPr>
        <p:spPr>
          <a:xfrm>
            <a:off x="0" y="6300344"/>
            <a:ext cx="2555318" cy="574931"/>
          </a:xfrm>
          <a:prstGeom prst="snip2DiagRect">
            <a:avLst>
              <a:gd name="adj1" fmla="val 0"/>
              <a:gd name="adj2" fmla="val 13951"/>
            </a:avLst>
          </a:prstGeom>
          <a:solidFill>
            <a:srgbClr val="34ADF5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sp>
        <p:nvSpPr>
          <p:cNvPr id="25" name="Freeform 26">
            <a:hlinkClick r:id="rId5"/>
            <a:extLst>
              <a:ext uri="{FF2B5EF4-FFF2-40B4-BE49-F238E27FC236}">
                <a16:creationId xmlns:a16="http://schemas.microsoft.com/office/drawing/2014/main" id="{15BD4A1E-862B-3E27-AAF4-D7BE6547A232}"/>
              </a:ext>
            </a:extLst>
          </p:cNvPr>
          <p:cNvSpPr/>
          <p:nvPr/>
        </p:nvSpPr>
        <p:spPr>
          <a:xfrm>
            <a:off x="381564" y="2213248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6" name="Freeform 34">
            <a:hlinkClick r:id="rId5"/>
            <a:extLst>
              <a:ext uri="{FF2B5EF4-FFF2-40B4-BE49-F238E27FC236}">
                <a16:creationId xmlns:a16="http://schemas.microsoft.com/office/drawing/2014/main" id="{D7FA7AE3-A9C8-0347-F9F6-7FBCED15D233}"/>
              </a:ext>
            </a:extLst>
          </p:cNvPr>
          <p:cNvSpPr/>
          <p:nvPr/>
        </p:nvSpPr>
        <p:spPr>
          <a:xfrm>
            <a:off x="446630" y="2290131"/>
            <a:ext cx="756262" cy="732629"/>
          </a:xfrm>
          <a:custGeom>
            <a:avLst/>
            <a:gdLst/>
            <a:ahLst/>
            <a:cxnLst/>
            <a:rect l="l" t="t" r="r" b="b"/>
            <a:pathLst>
              <a:path w="1862481" h="1804278">
                <a:moveTo>
                  <a:pt x="0" y="0"/>
                </a:moveTo>
                <a:lnTo>
                  <a:pt x="1862480" y="0"/>
                </a:lnTo>
                <a:lnTo>
                  <a:pt x="1862480" y="1804278"/>
                </a:lnTo>
                <a:lnTo>
                  <a:pt x="0" y="1804278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" name="Grup 9"/>
          <p:cNvGrpSpPr/>
          <p:nvPr/>
        </p:nvGrpSpPr>
        <p:grpSpPr>
          <a:xfrm>
            <a:off x="3147657" y="111396"/>
            <a:ext cx="5896687" cy="923330"/>
            <a:chOff x="1705970" y="125044"/>
            <a:chExt cx="5896687" cy="923330"/>
          </a:xfrm>
        </p:grpSpPr>
        <p:sp>
          <p:nvSpPr>
            <p:cNvPr id="2" name="사각형: 둥근 위쪽 모서리 52">
              <a:extLst>
                <a:ext uri="{FF2B5EF4-FFF2-40B4-BE49-F238E27FC236}">
                  <a16:creationId xmlns:a16="http://schemas.microsoft.com/office/drawing/2014/main" id="{71EA2BC2-15EA-4741-80BA-A12B08D7ADA2}"/>
                </a:ext>
              </a:extLst>
            </p:cNvPr>
            <p:cNvSpPr/>
            <p:nvPr/>
          </p:nvSpPr>
          <p:spPr>
            <a:xfrm rot="5400000">
              <a:off x="4514329" y="-2091581"/>
              <a:ext cx="813146" cy="5363511"/>
            </a:xfrm>
            <a:prstGeom prst="round2Same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grpSp>
          <p:nvGrpSpPr>
            <p:cNvPr id="3" name="그룹 4">
              <a:extLst>
                <a:ext uri="{FF2B5EF4-FFF2-40B4-BE49-F238E27FC236}">
                  <a16:creationId xmlns:a16="http://schemas.microsoft.com/office/drawing/2014/main" id="{A08C38DD-7AD2-4BB8-97E4-6D124D5CCECA}"/>
                </a:ext>
              </a:extLst>
            </p:cNvPr>
            <p:cNvGrpSpPr/>
            <p:nvPr/>
          </p:nvGrpSpPr>
          <p:grpSpPr>
            <a:xfrm>
              <a:off x="1705970" y="183603"/>
              <a:ext cx="1029846" cy="813613"/>
              <a:chOff x="1405985" y="1484784"/>
              <a:chExt cx="1465190" cy="813613"/>
            </a:xfrm>
            <a:solidFill>
              <a:srgbClr val="FFAD3D"/>
            </a:solidFill>
          </p:grpSpPr>
          <p:sp>
            <p:nvSpPr>
              <p:cNvPr id="4" name="사각형: 둥근 위쪽 모서리 1">
                <a:extLst>
                  <a:ext uri="{FF2B5EF4-FFF2-40B4-BE49-F238E27FC236}">
                    <a16:creationId xmlns:a16="http://schemas.microsoft.com/office/drawing/2014/main" id="{E3669431-1016-4716-9B58-7235B5B796E7}"/>
                  </a:ext>
                </a:extLst>
              </p:cNvPr>
              <p:cNvSpPr/>
              <p:nvPr/>
            </p:nvSpPr>
            <p:spPr>
              <a:xfrm rot="16200000">
                <a:off x="1483672" y="1407097"/>
                <a:ext cx="813146" cy="968520"/>
              </a:xfrm>
              <a:prstGeom prst="round2SameRect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lIns="0" tIns="0" rIns="0" bIns="0"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ko-KR" alt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Arial"/>
                  <a:ea typeface="맑은 고딕"/>
                  <a:cs typeface="+mn-cs"/>
                </a:endParaRPr>
              </a:p>
            </p:txBody>
          </p:sp>
          <p:sp>
            <p:nvSpPr>
              <p:cNvPr id="5" name="직각 삼각형 2">
                <a:extLst>
                  <a:ext uri="{FF2B5EF4-FFF2-40B4-BE49-F238E27FC236}">
                    <a16:creationId xmlns:a16="http://schemas.microsoft.com/office/drawing/2014/main" id="{9CEC95B0-A8F3-402A-864C-968DDC5C3E60}"/>
                  </a:ext>
                </a:extLst>
              </p:cNvPr>
              <p:cNvSpPr/>
              <p:nvPr/>
            </p:nvSpPr>
            <p:spPr>
              <a:xfrm rot="5400000">
                <a:off x="2216266" y="1643488"/>
                <a:ext cx="813147" cy="496671"/>
              </a:xfrm>
              <a:prstGeom prst="rtTriangl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lIns="0" tIns="0" rIns="0" bIns="0"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ko-KR" altLang="en-US" sz="18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Arial"/>
                  <a:ea typeface="맑은 고딕"/>
                  <a:cs typeface="+mn-cs"/>
                </a:endParaRPr>
              </a:p>
            </p:txBody>
          </p:sp>
        </p:grpSp>
        <p:sp>
          <p:nvSpPr>
            <p:cNvPr id="6" name="Rectangle 236">
              <a:extLst>
                <a:ext uri="{FF2B5EF4-FFF2-40B4-BE49-F238E27FC236}">
                  <a16:creationId xmlns:a16="http://schemas.microsoft.com/office/drawing/2014/main" id="{21157787-EC97-4193-A860-71D63AFF48DC}"/>
                </a:ext>
              </a:extLst>
            </p:cNvPr>
            <p:cNvSpPr/>
            <p:nvPr/>
          </p:nvSpPr>
          <p:spPr>
            <a:xfrm rot="5400000">
              <a:off x="6310686" y="494531"/>
              <a:ext cx="813148" cy="191292"/>
            </a:xfrm>
            <a:prstGeom prst="rect">
              <a:avLst/>
            </a:prstGeom>
            <a:blipFill dpi="0" rotWithShape="1">
              <a:blip r:embed="rId4">
                <a:alphaModFix amt="20000"/>
              </a:blip>
              <a:srcRect/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7" name="Dikdörtgen 6"/>
            <p:cNvSpPr/>
            <p:nvPr/>
          </p:nvSpPr>
          <p:spPr>
            <a:xfrm>
              <a:off x="2542356" y="297786"/>
              <a:ext cx="3988592" cy="584775"/>
            </a:xfrm>
            <a:prstGeom prst="rect">
              <a:avLst/>
            </a:prstGeom>
          </p:spPr>
          <p:txBody>
            <a:bodyPr wrap="none">
              <a:sp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altLang="ko-K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Arial"/>
                  <a:ea typeface="맑은 고딕"/>
                  <a:cs typeface="+mn-cs"/>
                </a:rPr>
                <a:t>Allah İnancı ve İnsan</a:t>
              </a:r>
              <a:endParaRPr kumimoji="0" lang="ko-KR" altLang="en-US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8" name="Metin kutusu 7"/>
            <p:cNvSpPr txBox="1"/>
            <p:nvPr/>
          </p:nvSpPr>
          <p:spPr>
            <a:xfrm>
              <a:off x="1889908" y="125044"/>
              <a:ext cx="443461" cy="923330"/>
            </a:xfrm>
            <a:prstGeom prst="rect">
              <a:avLst/>
            </a:prstGeom>
            <a:noFill/>
          </p:spPr>
          <p:txBody>
            <a:bodyPr wrap="square" lIns="0" tIns="0" rIns="0" bIns="0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60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Arial"/>
                  <a:ea typeface="맑은 고딕"/>
                  <a:cs typeface="+mn-cs"/>
                </a:rPr>
                <a:t>1</a:t>
              </a:r>
            </a:p>
          </p:txBody>
        </p:sp>
        <p:pic>
          <p:nvPicPr>
            <p:cNvPr id="9" name="Resim 8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6724307" y="174208"/>
              <a:ext cx="825003" cy="825003"/>
            </a:xfrm>
            <a:prstGeom prst="rect">
              <a:avLst/>
            </a:prstGeom>
          </p:spPr>
        </p:pic>
      </p:grpSp>
      <p:grpSp>
        <p:nvGrpSpPr>
          <p:cNvPr id="13" name="Groupe 12"/>
          <p:cNvGrpSpPr/>
          <p:nvPr/>
        </p:nvGrpSpPr>
        <p:grpSpPr>
          <a:xfrm>
            <a:off x="5085038" y="1702021"/>
            <a:ext cx="6906336" cy="3807667"/>
            <a:chOff x="1795463" y="2430463"/>
            <a:chExt cx="2317750" cy="1879600"/>
          </a:xfrm>
        </p:grpSpPr>
        <p:sp>
          <p:nvSpPr>
            <p:cNvPr id="14" name="Freeform 12"/>
            <p:cNvSpPr>
              <a:spLocks/>
            </p:cNvSpPr>
            <p:nvPr/>
          </p:nvSpPr>
          <p:spPr bwMode="auto">
            <a:xfrm>
              <a:off x="1795463" y="2430463"/>
              <a:ext cx="2317750" cy="1879600"/>
            </a:xfrm>
            <a:custGeom>
              <a:avLst/>
              <a:gdLst>
                <a:gd name="T0" fmla="*/ 142 w 1460"/>
                <a:gd name="T1" fmla="*/ 1182 h 1184"/>
                <a:gd name="T2" fmla="*/ 122 w 1460"/>
                <a:gd name="T3" fmla="*/ 1174 h 1184"/>
                <a:gd name="T4" fmla="*/ 108 w 1460"/>
                <a:gd name="T5" fmla="*/ 1156 h 1184"/>
                <a:gd name="T6" fmla="*/ 104 w 1460"/>
                <a:gd name="T7" fmla="*/ 1140 h 1184"/>
                <a:gd name="T8" fmla="*/ 106 w 1460"/>
                <a:gd name="T9" fmla="*/ 1116 h 1184"/>
                <a:gd name="T10" fmla="*/ 122 w 1460"/>
                <a:gd name="T11" fmla="*/ 1098 h 1184"/>
                <a:gd name="T12" fmla="*/ 148 w 1460"/>
                <a:gd name="T13" fmla="*/ 1082 h 1184"/>
                <a:gd name="T14" fmla="*/ 198 w 1460"/>
                <a:gd name="T15" fmla="*/ 1040 h 1184"/>
                <a:gd name="T16" fmla="*/ 232 w 1460"/>
                <a:gd name="T17" fmla="*/ 992 h 1184"/>
                <a:gd name="T18" fmla="*/ 180 w 1460"/>
                <a:gd name="T19" fmla="*/ 976 h 1184"/>
                <a:gd name="T20" fmla="*/ 140 w 1460"/>
                <a:gd name="T21" fmla="*/ 976 h 1184"/>
                <a:gd name="T22" fmla="*/ 88 w 1460"/>
                <a:gd name="T23" fmla="*/ 960 h 1184"/>
                <a:gd name="T24" fmla="*/ 46 w 1460"/>
                <a:gd name="T25" fmla="*/ 930 h 1184"/>
                <a:gd name="T26" fmla="*/ 30 w 1460"/>
                <a:gd name="T27" fmla="*/ 908 h 1184"/>
                <a:gd name="T28" fmla="*/ 4 w 1460"/>
                <a:gd name="T29" fmla="*/ 842 h 1184"/>
                <a:gd name="T30" fmla="*/ 0 w 1460"/>
                <a:gd name="T31" fmla="*/ 788 h 1184"/>
                <a:gd name="T32" fmla="*/ 34 w 1460"/>
                <a:gd name="T33" fmla="*/ 320 h 1184"/>
                <a:gd name="T34" fmla="*/ 50 w 1460"/>
                <a:gd name="T35" fmla="*/ 162 h 1184"/>
                <a:gd name="T36" fmla="*/ 70 w 1460"/>
                <a:gd name="T37" fmla="*/ 90 h 1184"/>
                <a:gd name="T38" fmla="*/ 102 w 1460"/>
                <a:gd name="T39" fmla="*/ 44 h 1184"/>
                <a:gd name="T40" fmla="*/ 138 w 1460"/>
                <a:gd name="T41" fmla="*/ 16 h 1184"/>
                <a:gd name="T42" fmla="*/ 196 w 1460"/>
                <a:gd name="T43" fmla="*/ 0 h 1184"/>
                <a:gd name="T44" fmla="*/ 232 w 1460"/>
                <a:gd name="T45" fmla="*/ 0 h 1184"/>
                <a:gd name="T46" fmla="*/ 1298 w 1460"/>
                <a:gd name="T47" fmla="*/ 120 h 1184"/>
                <a:gd name="T48" fmla="*/ 1322 w 1460"/>
                <a:gd name="T49" fmla="*/ 126 h 1184"/>
                <a:gd name="T50" fmla="*/ 1372 w 1460"/>
                <a:gd name="T51" fmla="*/ 150 h 1184"/>
                <a:gd name="T52" fmla="*/ 1408 w 1460"/>
                <a:gd name="T53" fmla="*/ 186 h 1184"/>
                <a:gd name="T54" fmla="*/ 1428 w 1460"/>
                <a:gd name="T55" fmla="*/ 228 h 1184"/>
                <a:gd name="T56" fmla="*/ 1440 w 1460"/>
                <a:gd name="T57" fmla="*/ 308 h 1184"/>
                <a:gd name="T58" fmla="*/ 1460 w 1460"/>
                <a:gd name="T59" fmla="*/ 750 h 1184"/>
                <a:gd name="T60" fmla="*/ 1452 w 1460"/>
                <a:gd name="T61" fmla="*/ 810 h 1184"/>
                <a:gd name="T62" fmla="*/ 1420 w 1460"/>
                <a:gd name="T63" fmla="*/ 878 h 1184"/>
                <a:gd name="T64" fmla="*/ 1402 w 1460"/>
                <a:gd name="T65" fmla="*/ 896 h 1184"/>
                <a:gd name="T66" fmla="*/ 1358 w 1460"/>
                <a:gd name="T67" fmla="*/ 922 h 1184"/>
                <a:gd name="T68" fmla="*/ 1296 w 1460"/>
                <a:gd name="T69" fmla="*/ 938 h 1184"/>
                <a:gd name="T70" fmla="*/ 1084 w 1460"/>
                <a:gd name="T71" fmla="*/ 946 h 1184"/>
                <a:gd name="T72" fmla="*/ 426 w 1460"/>
                <a:gd name="T73" fmla="*/ 966 h 1184"/>
                <a:gd name="T74" fmla="*/ 400 w 1460"/>
                <a:gd name="T75" fmla="*/ 1022 h 1184"/>
                <a:gd name="T76" fmla="*/ 350 w 1460"/>
                <a:gd name="T77" fmla="*/ 1088 h 1184"/>
                <a:gd name="T78" fmla="*/ 294 w 1460"/>
                <a:gd name="T79" fmla="*/ 1134 h 1184"/>
                <a:gd name="T80" fmla="*/ 236 w 1460"/>
                <a:gd name="T81" fmla="*/ 1164 h 1184"/>
                <a:gd name="T82" fmla="*/ 154 w 1460"/>
                <a:gd name="T83" fmla="*/ 1184 h 1184"/>
                <a:gd name="T84" fmla="*/ 150 w 1460"/>
                <a:gd name="T85" fmla="*/ 1184 h 118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</a:cxnLst>
              <a:rect l="0" t="0" r="r" b="b"/>
              <a:pathLst>
                <a:path w="1460" h="1184">
                  <a:moveTo>
                    <a:pt x="150" y="1184"/>
                  </a:moveTo>
                  <a:lnTo>
                    <a:pt x="150" y="1184"/>
                  </a:lnTo>
                  <a:lnTo>
                    <a:pt x="142" y="1182"/>
                  </a:lnTo>
                  <a:lnTo>
                    <a:pt x="136" y="1182"/>
                  </a:lnTo>
                  <a:lnTo>
                    <a:pt x="128" y="1178"/>
                  </a:lnTo>
                  <a:lnTo>
                    <a:pt x="122" y="1174"/>
                  </a:lnTo>
                  <a:lnTo>
                    <a:pt x="116" y="1168"/>
                  </a:lnTo>
                  <a:lnTo>
                    <a:pt x="112" y="1162"/>
                  </a:lnTo>
                  <a:lnTo>
                    <a:pt x="108" y="1156"/>
                  </a:lnTo>
                  <a:lnTo>
                    <a:pt x="104" y="1148"/>
                  </a:lnTo>
                  <a:lnTo>
                    <a:pt x="104" y="1148"/>
                  </a:lnTo>
                  <a:lnTo>
                    <a:pt x="104" y="1140"/>
                  </a:lnTo>
                  <a:lnTo>
                    <a:pt x="102" y="1132"/>
                  </a:lnTo>
                  <a:lnTo>
                    <a:pt x="104" y="1124"/>
                  </a:lnTo>
                  <a:lnTo>
                    <a:pt x="106" y="1116"/>
                  </a:lnTo>
                  <a:lnTo>
                    <a:pt x="110" y="1110"/>
                  </a:lnTo>
                  <a:lnTo>
                    <a:pt x="116" y="1104"/>
                  </a:lnTo>
                  <a:lnTo>
                    <a:pt x="122" y="1098"/>
                  </a:lnTo>
                  <a:lnTo>
                    <a:pt x="128" y="1094"/>
                  </a:lnTo>
                  <a:lnTo>
                    <a:pt x="128" y="1094"/>
                  </a:lnTo>
                  <a:lnTo>
                    <a:pt x="148" y="1082"/>
                  </a:lnTo>
                  <a:lnTo>
                    <a:pt x="168" y="1068"/>
                  </a:lnTo>
                  <a:lnTo>
                    <a:pt x="184" y="1054"/>
                  </a:lnTo>
                  <a:lnTo>
                    <a:pt x="198" y="1040"/>
                  </a:lnTo>
                  <a:lnTo>
                    <a:pt x="212" y="1024"/>
                  </a:lnTo>
                  <a:lnTo>
                    <a:pt x="222" y="1008"/>
                  </a:lnTo>
                  <a:lnTo>
                    <a:pt x="232" y="992"/>
                  </a:lnTo>
                  <a:lnTo>
                    <a:pt x="238" y="974"/>
                  </a:lnTo>
                  <a:lnTo>
                    <a:pt x="238" y="974"/>
                  </a:lnTo>
                  <a:lnTo>
                    <a:pt x="180" y="976"/>
                  </a:lnTo>
                  <a:lnTo>
                    <a:pt x="180" y="976"/>
                  </a:lnTo>
                  <a:lnTo>
                    <a:pt x="160" y="978"/>
                  </a:lnTo>
                  <a:lnTo>
                    <a:pt x="140" y="976"/>
                  </a:lnTo>
                  <a:lnTo>
                    <a:pt x="122" y="972"/>
                  </a:lnTo>
                  <a:lnTo>
                    <a:pt x="104" y="968"/>
                  </a:lnTo>
                  <a:lnTo>
                    <a:pt x="88" y="960"/>
                  </a:lnTo>
                  <a:lnTo>
                    <a:pt x="74" y="952"/>
                  </a:lnTo>
                  <a:lnTo>
                    <a:pt x="60" y="942"/>
                  </a:lnTo>
                  <a:lnTo>
                    <a:pt x="46" y="930"/>
                  </a:lnTo>
                  <a:lnTo>
                    <a:pt x="46" y="930"/>
                  </a:lnTo>
                  <a:lnTo>
                    <a:pt x="38" y="920"/>
                  </a:lnTo>
                  <a:lnTo>
                    <a:pt x="30" y="908"/>
                  </a:lnTo>
                  <a:lnTo>
                    <a:pt x="18" y="886"/>
                  </a:lnTo>
                  <a:lnTo>
                    <a:pt x="10" y="864"/>
                  </a:lnTo>
                  <a:lnTo>
                    <a:pt x="4" y="842"/>
                  </a:lnTo>
                  <a:lnTo>
                    <a:pt x="2" y="822"/>
                  </a:lnTo>
                  <a:lnTo>
                    <a:pt x="0" y="806"/>
                  </a:lnTo>
                  <a:lnTo>
                    <a:pt x="0" y="788"/>
                  </a:lnTo>
                  <a:lnTo>
                    <a:pt x="0" y="788"/>
                  </a:lnTo>
                  <a:lnTo>
                    <a:pt x="18" y="522"/>
                  </a:lnTo>
                  <a:lnTo>
                    <a:pt x="34" y="320"/>
                  </a:lnTo>
                  <a:lnTo>
                    <a:pt x="42" y="230"/>
                  </a:lnTo>
                  <a:lnTo>
                    <a:pt x="50" y="162"/>
                  </a:lnTo>
                  <a:lnTo>
                    <a:pt x="50" y="162"/>
                  </a:lnTo>
                  <a:lnTo>
                    <a:pt x="54" y="136"/>
                  </a:lnTo>
                  <a:lnTo>
                    <a:pt x="62" y="112"/>
                  </a:lnTo>
                  <a:lnTo>
                    <a:pt x="70" y="90"/>
                  </a:lnTo>
                  <a:lnTo>
                    <a:pt x="78" y="72"/>
                  </a:lnTo>
                  <a:lnTo>
                    <a:pt x="90" y="58"/>
                  </a:lnTo>
                  <a:lnTo>
                    <a:pt x="102" y="44"/>
                  </a:lnTo>
                  <a:lnTo>
                    <a:pt x="114" y="34"/>
                  </a:lnTo>
                  <a:lnTo>
                    <a:pt x="126" y="24"/>
                  </a:lnTo>
                  <a:lnTo>
                    <a:pt x="138" y="16"/>
                  </a:lnTo>
                  <a:lnTo>
                    <a:pt x="152" y="10"/>
                  </a:lnTo>
                  <a:lnTo>
                    <a:pt x="176" y="4"/>
                  </a:lnTo>
                  <a:lnTo>
                    <a:pt x="196" y="0"/>
                  </a:lnTo>
                  <a:lnTo>
                    <a:pt x="212" y="0"/>
                  </a:lnTo>
                  <a:lnTo>
                    <a:pt x="212" y="0"/>
                  </a:lnTo>
                  <a:lnTo>
                    <a:pt x="232" y="0"/>
                  </a:lnTo>
                  <a:lnTo>
                    <a:pt x="244" y="2"/>
                  </a:lnTo>
                  <a:lnTo>
                    <a:pt x="1298" y="120"/>
                  </a:lnTo>
                  <a:lnTo>
                    <a:pt x="1298" y="120"/>
                  </a:lnTo>
                  <a:lnTo>
                    <a:pt x="1302" y="122"/>
                  </a:lnTo>
                  <a:lnTo>
                    <a:pt x="1302" y="122"/>
                  </a:lnTo>
                  <a:lnTo>
                    <a:pt x="1322" y="126"/>
                  </a:lnTo>
                  <a:lnTo>
                    <a:pt x="1340" y="132"/>
                  </a:lnTo>
                  <a:lnTo>
                    <a:pt x="1358" y="142"/>
                  </a:lnTo>
                  <a:lnTo>
                    <a:pt x="1372" y="150"/>
                  </a:lnTo>
                  <a:lnTo>
                    <a:pt x="1386" y="162"/>
                  </a:lnTo>
                  <a:lnTo>
                    <a:pt x="1398" y="174"/>
                  </a:lnTo>
                  <a:lnTo>
                    <a:pt x="1408" y="186"/>
                  </a:lnTo>
                  <a:lnTo>
                    <a:pt x="1416" y="200"/>
                  </a:lnTo>
                  <a:lnTo>
                    <a:pt x="1422" y="214"/>
                  </a:lnTo>
                  <a:lnTo>
                    <a:pt x="1428" y="228"/>
                  </a:lnTo>
                  <a:lnTo>
                    <a:pt x="1436" y="256"/>
                  </a:lnTo>
                  <a:lnTo>
                    <a:pt x="1440" y="284"/>
                  </a:lnTo>
                  <a:lnTo>
                    <a:pt x="1440" y="308"/>
                  </a:lnTo>
                  <a:lnTo>
                    <a:pt x="1458" y="730"/>
                  </a:lnTo>
                  <a:lnTo>
                    <a:pt x="1458" y="730"/>
                  </a:lnTo>
                  <a:lnTo>
                    <a:pt x="1460" y="750"/>
                  </a:lnTo>
                  <a:lnTo>
                    <a:pt x="1458" y="768"/>
                  </a:lnTo>
                  <a:lnTo>
                    <a:pt x="1456" y="788"/>
                  </a:lnTo>
                  <a:lnTo>
                    <a:pt x="1452" y="810"/>
                  </a:lnTo>
                  <a:lnTo>
                    <a:pt x="1446" y="832"/>
                  </a:lnTo>
                  <a:lnTo>
                    <a:pt x="1434" y="856"/>
                  </a:lnTo>
                  <a:lnTo>
                    <a:pt x="1420" y="878"/>
                  </a:lnTo>
                  <a:lnTo>
                    <a:pt x="1420" y="878"/>
                  </a:lnTo>
                  <a:lnTo>
                    <a:pt x="1412" y="886"/>
                  </a:lnTo>
                  <a:lnTo>
                    <a:pt x="1402" y="896"/>
                  </a:lnTo>
                  <a:lnTo>
                    <a:pt x="1390" y="906"/>
                  </a:lnTo>
                  <a:lnTo>
                    <a:pt x="1376" y="914"/>
                  </a:lnTo>
                  <a:lnTo>
                    <a:pt x="1358" y="922"/>
                  </a:lnTo>
                  <a:lnTo>
                    <a:pt x="1340" y="930"/>
                  </a:lnTo>
                  <a:lnTo>
                    <a:pt x="1320" y="934"/>
                  </a:lnTo>
                  <a:lnTo>
                    <a:pt x="1296" y="938"/>
                  </a:lnTo>
                  <a:lnTo>
                    <a:pt x="1296" y="938"/>
                  </a:lnTo>
                  <a:lnTo>
                    <a:pt x="1214" y="942"/>
                  </a:lnTo>
                  <a:lnTo>
                    <a:pt x="1084" y="946"/>
                  </a:lnTo>
                  <a:lnTo>
                    <a:pt x="736" y="956"/>
                  </a:lnTo>
                  <a:lnTo>
                    <a:pt x="736" y="956"/>
                  </a:lnTo>
                  <a:lnTo>
                    <a:pt x="426" y="966"/>
                  </a:lnTo>
                  <a:lnTo>
                    <a:pt x="426" y="966"/>
                  </a:lnTo>
                  <a:lnTo>
                    <a:pt x="414" y="996"/>
                  </a:lnTo>
                  <a:lnTo>
                    <a:pt x="400" y="1022"/>
                  </a:lnTo>
                  <a:lnTo>
                    <a:pt x="386" y="1046"/>
                  </a:lnTo>
                  <a:lnTo>
                    <a:pt x="368" y="1068"/>
                  </a:lnTo>
                  <a:lnTo>
                    <a:pt x="350" y="1088"/>
                  </a:lnTo>
                  <a:lnTo>
                    <a:pt x="332" y="1106"/>
                  </a:lnTo>
                  <a:lnTo>
                    <a:pt x="314" y="1122"/>
                  </a:lnTo>
                  <a:lnTo>
                    <a:pt x="294" y="1134"/>
                  </a:lnTo>
                  <a:lnTo>
                    <a:pt x="274" y="1146"/>
                  </a:lnTo>
                  <a:lnTo>
                    <a:pt x="254" y="1156"/>
                  </a:lnTo>
                  <a:lnTo>
                    <a:pt x="236" y="1164"/>
                  </a:lnTo>
                  <a:lnTo>
                    <a:pt x="216" y="1172"/>
                  </a:lnTo>
                  <a:lnTo>
                    <a:pt x="182" y="1180"/>
                  </a:lnTo>
                  <a:lnTo>
                    <a:pt x="154" y="1184"/>
                  </a:lnTo>
                  <a:lnTo>
                    <a:pt x="154" y="1184"/>
                  </a:lnTo>
                  <a:lnTo>
                    <a:pt x="150" y="1184"/>
                  </a:lnTo>
                  <a:lnTo>
                    <a:pt x="150" y="1184"/>
                  </a:lnTo>
                  <a:close/>
                </a:path>
              </a:pathLst>
            </a:custGeom>
            <a:solidFill>
              <a:srgbClr val="B1B3B4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15" name="Freeform 13"/>
            <p:cNvSpPr>
              <a:spLocks/>
            </p:cNvSpPr>
            <p:nvPr/>
          </p:nvSpPr>
          <p:spPr bwMode="auto">
            <a:xfrm>
              <a:off x="1801813" y="2436813"/>
              <a:ext cx="2305050" cy="1866900"/>
            </a:xfrm>
            <a:custGeom>
              <a:avLst/>
              <a:gdLst>
                <a:gd name="T0" fmla="*/ 146 w 1452"/>
                <a:gd name="T1" fmla="*/ 1176 h 1176"/>
                <a:gd name="T2" fmla="*/ 132 w 1452"/>
                <a:gd name="T3" fmla="*/ 1174 h 1176"/>
                <a:gd name="T4" fmla="*/ 110 w 1452"/>
                <a:gd name="T5" fmla="*/ 1156 h 1176"/>
                <a:gd name="T6" fmla="*/ 104 w 1452"/>
                <a:gd name="T7" fmla="*/ 1144 h 1176"/>
                <a:gd name="T8" fmla="*/ 104 w 1452"/>
                <a:gd name="T9" fmla="*/ 1136 h 1176"/>
                <a:gd name="T10" fmla="*/ 104 w 1452"/>
                <a:gd name="T11" fmla="*/ 1122 h 1176"/>
                <a:gd name="T12" fmla="*/ 110 w 1452"/>
                <a:gd name="T13" fmla="*/ 1108 h 1176"/>
                <a:gd name="T14" fmla="*/ 120 w 1452"/>
                <a:gd name="T15" fmla="*/ 1096 h 1176"/>
                <a:gd name="T16" fmla="*/ 126 w 1452"/>
                <a:gd name="T17" fmla="*/ 1092 h 1176"/>
                <a:gd name="T18" fmla="*/ 168 w 1452"/>
                <a:gd name="T19" fmla="*/ 1066 h 1176"/>
                <a:gd name="T20" fmla="*/ 200 w 1452"/>
                <a:gd name="T21" fmla="*/ 1036 h 1176"/>
                <a:gd name="T22" fmla="*/ 224 w 1452"/>
                <a:gd name="T23" fmla="*/ 1002 h 1176"/>
                <a:gd name="T24" fmla="*/ 240 w 1452"/>
                <a:gd name="T25" fmla="*/ 966 h 1176"/>
                <a:gd name="T26" fmla="*/ 176 w 1452"/>
                <a:gd name="T27" fmla="*/ 968 h 1176"/>
                <a:gd name="T28" fmla="*/ 156 w 1452"/>
                <a:gd name="T29" fmla="*/ 970 h 1176"/>
                <a:gd name="T30" fmla="*/ 120 w 1452"/>
                <a:gd name="T31" fmla="*/ 964 h 1176"/>
                <a:gd name="T32" fmla="*/ 86 w 1452"/>
                <a:gd name="T33" fmla="*/ 954 h 1176"/>
                <a:gd name="T34" fmla="*/ 58 w 1452"/>
                <a:gd name="T35" fmla="*/ 936 h 1176"/>
                <a:gd name="T36" fmla="*/ 46 w 1452"/>
                <a:gd name="T37" fmla="*/ 924 h 1176"/>
                <a:gd name="T38" fmla="*/ 30 w 1452"/>
                <a:gd name="T39" fmla="*/ 902 h 1176"/>
                <a:gd name="T40" fmla="*/ 10 w 1452"/>
                <a:gd name="T41" fmla="*/ 858 h 1176"/>
                <a:gd name="T42" fmla="*/ 2 w 1452"/>
                <a:gd name="T43" fmla="*/ 818 h 1176"/>
                <a:gd name="T44" fmla="*/ 0 w 1452"/>
                <a:gd name="T45" fmla="*/ 784 h 1176"/>
                <a:gd name="T46" fmla="*/ 18 w 1452"/>
                <a:gd name="T47" fmla="*/ 520 h 1176"/>
                <a:gd name="T48" fmla="*/ 42 w 1452"/>
                <a:gd name="T49" fmla="*/ 226 h 1176"/>
                <a:gd name="T50" fmla="*/ 50 w 1452"/>
                <a:gd name="T51" fmla="*/ 158 h 1176"/>
                <a:gd name="T52" fmla="*/ 60 w 1452"/>
                <a:gd name="T53" fmla="*/ 110 h 1176"/>
                <a:gd name="T54" fmla="*/ 78 w 1452"/>
                <a:gd name="T55" fmla="*/ 72 h 1176"/>
                <a:gd name="T56" fmla="*/ 100 w 1452"/>
                <a:gd name="T57" fmla="*/ 44 h 1176"/>
                <a:gd name="T58" fmla="*/ 124 w 1452"/>
                <a:gd name="T59" fmla="*/ 24 h 1176"/>
                <a:gd name="T60" fmla="*/ 148 w 1452"/>
                <a:gd name="T61" fmla="*/ 10 h 1176"/>
                <a:gd name="T62" fmla="*/ 192 w 1452"/>
                <a:gd name="T63" fmla="*/ 0 h 1176"/>
                <a:gd name="T64" fmla="*/ 208 w 1452"/>
                <a:gd name="T65" fmla="*/ 0 h 1176"/>
                <a:gd name="T66" fmla="*/ 238 w 1452"/>
                <a:gd name="T67" fmla="*/ 2 h 1176"/>
                <a:gd name="T68" fmla="*/ 1294 w 1452"/>
                <a:gd name="T69" fmla="*/ 120 h 1176"/>
                <a:gd name="T70" fmla="*/ 1296 w 1452"/>
                <a:gd name="T71" fmla="*/ 120 h 1176"/>
                <a:gd name="T72" fmla="*/ 1336 w 1452"/>
                <a:gd name="T73" fmla="*/ 132 h 1176"/>
                <a:gd name="T74" fmla="*/ 1366 w 1452"/>
                <a:gd name="T75" fmla="*/ 150 h 1176"/>
                <a:gd name="T76" fmla="*/ 1390 w 1452"/>
                <a:gd name="T77" fmla="*/ 174 h 1176"/>
                <a:gd name="T78" fmla="*/ 1408 w 1452"/>
                <a:gd name="T79" fmla="*/ 198 h 1176"/>
                <a:gd name="T80" fmla="*/ 1420 w 1452"/>
                <a:gd name="T81" fmla="*/ 226 h 1176"/>
                <a:gd name="T82" fmla="*/ 1432 w 1452"/>
                <a:gd name="T83" fmla="*/ 280 h 1176"/>
                <a:gd name="T84" fmla="*/ 1450 w 1452"/>
                <a:gd name="T85" fmla="*/ 726 h 1176"/>
                <a:gd name="T86" fmla="*/ 1452 w 1452"/>
                <a:gd name="T87" fmla="*/ 748 h 1176"/>
                <a:gd name="T88" fmla="*/ 1448 w 1452"/>
                <a:gd name="T89" fmla="*/ 784 h 1176"/>
                <a:gd name="T90" fmla="*/ 1438 w 1452"/>
                <a:gd name="T91" fmla="*/ 826 h 1176"/>
                <a:gd name="T92" fmla="*/ 1412 w 1452"/>
                <a:gd name="T93" fmla="*/ 870 h 1176"/>
                <a:gd name="T94" fmla="*/ 1404 w 1452"/>
                <a:gd name="T95" fmla="*/ 880 h 1176"/>
                <a:gd name="T96" fmla="*/ 1382 w 1452"/>
                <a:gd name="T97" fmla="*/ 898 h 1176"/>
                <a:gd name="T98" fmla="*/ 1354 w 1452"/>
                <a:gd name="T99" fmla="*/ 914 h 1176"/>
                <a:gd name="T100" fmla="*/ 1314 w 1452"/>
                <a:gd name="T101" fmla="*/ 926 h 1176"/>
                <a:gd name="T102" fmla="*/ 1292 w 1452"/>
                <a:gd name="T103" fmla="*/ 930 h 1176"/>
                <a:gd name="T104" fmla="*/ 1080 w 1452"/>
                <a:gd name="T105" fmla="*/ 938 h 1176"/>
                <a:gd name="T106" fmla="*/ 732 w 1452"/>
                <a:gd name="T107" fmla="*/ 948 h 1176"/>
                <a:gd name="T108" fmla="*/ 420 w 1452"/>
                <a:gd name="T109" fmla="*/ 958 h 1176"/>
                <a:gd name="T110" fmla="*/ 394 w 1452"/>
                <a:gd name="T111" fmla="*/ 1014 h 1176"/>
                <a:gd name="T112" fmla="*/ 364 w 1452"/>
                <a:gd name="T113" fmla="*/ 1060 h 1176"/>
                <a:gd name="T114" fmla="*/ 328 w 1452"/>
                <a:gd name="T115" fmla="*/ 1098 h 1176"/>
                <a:gd name="T116" fmla="*/ 290 w 1452"/>
                <a:gd name="T117" fmla="*/ 1126 h 1176"/>
                <a:gd name="T118" fmla="*/ 250 w 1452"/>
                <a:gd name="T119" fmla="*/ 1148 h 1176"/>
                <a:gd name="T120" fmla="*/ 214 w 1452"/>
                <a:gd name="T121" fmla="*/ 1162 h 1176"/>
                <a:gd name="T122" fmla="*/ 150 w 1452"/>
                <a:gd name="T123" fmla="*/ 1176 h 1176"/>
                <a:gd name="T124" fmla="*/ 146 w 1452"/>
                <a:gd name="T125" fmla="*/ 1176 h 1176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  <a:cxn ang="0">
                  <a:pos x="T102" y="T103"/>
                </a:cxn>
                <a:cxn ang="0">
                  <a:pos x="T104" y="T105"/>
                </a:cxn>
                <a:cxn ang="0">
                  <a:pos x="T106" y="T107"/>
                </a:cxn>
                <a:cxn ang="0">
                  <a:pos x="T108" y="T109"/>
                </a:cxn>
                <a:cxn ang="0">
                  <a:pos x="T110" y="T111"/>
                </a:cxn>
                <a:cxn ang="0">
                  <a:pos x="T112" y="T113"/>
                </a:cxn>
                <a:cxn ang="0">
                  <a:pos x="T114" y="T115"/>
                </a:cxn>
                <a:cxn ang="0">
                  <a:pos x="T116" y="T117"/>
                </a:cxn>
                <a:cxn ang="0">
                  <a:pos x="T118" y="T119"/>
                </a:cxn>
                <a:cxn ang="0">
                  <a:pos x="T120" y="T121"/>
                </a:cxn>
                <a:cxn ang="0">
                  <a:pos x="T122" y="T123"/>
                </a:cxn>
                <a:cxn ang="0">
                  <a:pos x="T124" y="T125"/>
                </a:cxn>
              </a:cxnLst>
              <a:rect l="0" t="0" r="r" b="b"/>
              <a:pathLst>
                <a:path w="1452" h="1176">
                  <a:moveTo>
                    <a:pt x="146" y="1176"/>
                  </a:moveTo>
                  <a:lnTo>
                    <a:pt x="146" y="1176"/>
                  </a:lnTo>
                  <a:lnTo>
                    <a:pt x="140" y="1174"/>
                  </a:lnTo>
                  <a:lnTo>
                    <a:pt x="132" y="1174"/>
                  </a:lnTo>
                  <a:lnTo>
                    <a:pt x="120" y="1166"/>
                  </a:lnTo>
                  <a:lnTo>
                    <a:pt x="110" y="1156"/>
                  </a:lnTo>
                  <a:lnTo>
                    <a:pt x="106" y="1150"/>
                  </a:lnTo>
                  <a:lnTo>
                    <a:pt x="104" y="1144"/>
                  </a:lnTo>
                  <a:lnTo>
                    <a:pt x="104" y="1144"/>
                  </a:lnTo>
                  <a:lnTo>
                    <a:pt x="104" y="1136"/>
                  </a:lnTo>
                  <a:lnTo>
                    <a:pt x="102" y="1128"/>
                  </a:lnTo>
                  <a:lnTo>
                    <a:pt x="104" y="1122"/>
                  </a:lnTo>
                  <a:lnTo>
                    <a:pt x="106" y="1114"/>
                  </a:lnTo>
                  <a:lnTo>
                    <a:pt x="110" y="1108"/>
                  </a:lnTo>
                  <a:lnTo>
                    <a:pt x="114" y="1102"/>
                  </a:lnTo>
                  <a:lnTo>
                    <a:pt x="120" y="1096"/>
                  </a:lnTo>
                  <a:lnTo>
                    <a:pt x="126" y="1092"/>
                  </a:lnTo>
                  <a:lnTo>
                    <a:pt x="126" y="1092"/>
                  </a:lnTo>
                  <a:lnTo>
                    <a:pt x="148" y="1080"/>
                  </a:lnTo>
                  <a:lnTo>
                    <a:pt x="168" y="1066"/>
                  </a:lnTo>
                  <a:lnTo>
                    <a:pt x="184" y="1052"/>
                  </a:lnTo>
                  <a:lnTo>
                    <a:pt x="200" y="1036"/>
                  </a:lnTo>
                  <a:lnTo>
                    <a:pt x="214" y="1020"/>
                  </a:lnTo>
                  <a:lnTo>
                    <a:pt x="224" y="1002"/>
                  </a:lnTo>
                  <a:lnTo>
                    <a:pt x="234" y="984"/>
                  </a:lnTo>
                  <a:lnTo>
                    <a:pt x="240" y="966"/>
                  </a:lnTo>
                  <a:lnTo>
                    <a:pt x="240" y="966"/>
                  </a:lnTo>
                  <a:lnTo>
                    <a:pt x="176" y="968"/>
                  </a:lnTo>
                  <a:lnTo>
                    <a:pt x="176" y="968"/>
                  </a:lnTo>
                  <a:lnTo>
                    <a:pt x="156" y="970"/>
                  </a:lnTo>
                  <a:lnTo>
                    <a:pt x="136" y="968"/>
                  </a:lnTo>
                  <a:lnTo>
                    <a:pt x="120" y="964"/>
                  </a:lnTo>
                  <a:lnTo>
                    <a:pt x="102" y="960"/>
                  </a:lnTo>
                  <a:lnTo>
                    <a:pt x="86" y="954"/>
                  </a:lnTo>
                  <a:lnTo>
                    <a:pt x="72" y="946"/>
                  </a:lnTo>
                  <a:lnTo>
                    <a:pt x="58" y="936"/>
                  </a:lnTo>
                  <a:lnTo>
                    <a:pt x="46" y="924"/>
                  </a:lnTo>
                  <a:lnTo>
                    <a:pt x="46" y="924"/>
                  </a:lnTo>
                  <a:lnTo>
                    <a:pt x="38" y="914"/>
                  </a:lnTo>
                  <a:lnTo>
                    <a:pt x="30" y="902"/>
                  </a:lnTo>
                  <a:lnTo>
                    <a:pt x="18" y="880"/>
                  </a:lnTo>
                  <a:lnTo>
                    <a:pt x="10" y="858"/>
                  </a:lnTo>
                  <a:lnTo>
                    <a:pt x="4" y="836"/>
                  </a:lnTo>
                  <a:lnTo>
                    <a:pt x="2" y="818"/>
                  </a:lnTo>
                  <a:lnTo>
                    <a:pt x="0" y="802"/>
                  </a:lnTo>
                  <a:lnTo>
                    <a:pt x="0" y="784"/>
                  </a:lnTo>
                  <a:lnTo>
                    <a:pt x="0" y="784"/>
                  </a:lnTo>
                  <a:lnTo>
                    <a:pt x="18" y="520"/>
                  </a:lnTo>
                  <a:lnTo>
                    <a:pt x="34" y="316"/>
                  </a:lnTo>
                  <a:lnTo>
                    <a:pt x="42" y="226"/>
                  </a:lnTo>
                  <a:lnTo>
                    <a:pt x="50" y="158"/>
                  </a:lnTo>
                  <a:lnTo>
                    <a:pt x="50" y="158"/>
                  </a:lnTo>
                  <a:lnTo>
                    <a:pt x="54" y="132"/>
                  </a:lnTo>
                  <a:lnTo>
                    <a:pt x="60" y="110"/>
                  </a:lnTo>
                  <a:lnTo>
                    <a:pt x="68" y="88"/>
                  </a:lnTo>
                  <a:lnTo>
                    <a:pt x="78" y="72"/>
                  </a:lnTo>
                  <a:lnTo>
                    <a:pt x="88" y="56"/>
                  </a:lnTo>
                  <a:lnTo>
                    <a:pt x="100" y="44"/>
                  </a:lnTo>
                  <a:lnTo>
                    <a:pt x="112" y="32"/>
                  </a:lnTo>
                  <a:lnTo>
                    <a:pt x="124" y="24"/>
                  </a:lnTo>
                  <a:lnTo>
                    <a:pt x="136" y="16"/>
                  </a:lnTo>
                  <a:lnTo>
                    <a:pt x="148" y="10"/>
                  </a:lnTo>
                  <a:lnTo>
                    <a:pt x="172" y="4"/>
                  </a:lnTo>
                  <a:lnTo>
                    <a:pt x="192" y="0"/>
                  </a:lnTo>
                  <a:lnTo>
                    <a:pt x="208" y="0"/>
                  </a:lnTo>
                  <a:lnTo>
                    <a:pt x="208" y="0"/>
                  </a:lnTo>
                  <a:lnTo>
                    <a:pt x="226" y="0"/>
                  </a:lnTo>
                  <a:lnTo>
                    <a:pt x="238" y="2"/>
                  </a:lnTo>
                  <a:lnTo>
                    <a:pt x="1294" y="120"/>
                  </a:lnTo>
                  <a:lnTo>
                    <a:pt x="1294" y="120"/>
                  </a:lnTo>
                  <a:lnTo>
                    <a:pt x="1296" y="120"/>
                  </a:lnTo>
                  <a:lnTo>
                    <a:pt x="1296" y="120"/>
                  </a:lnTo>
                  <a:lnTo>
                    <a:pt x="1316" y="126"/>
                  </a:lnTo>
                  <a:lnTo>
                    <a:pt x="1336" y="132"/>
                  </a:lnTo>
                  <a:lnTo>
                    <a:pt x="1352" y="140"/>
                  </a:lnTo>
                  <a:lnTo>
                    <a:pt x="1366" y="150"/>
                  </a:lnTo>
                  <a:lnTo>
                    <a:pt x="1380" y="162"/>
                  </a:lnTo>
                  <a:lnTo>
                    <a:pt x="1390" y="174"/>
                  </a:lnTo>
                  <a:lnTo>
                    <a:pt x="1400" y="186"/>
                  </a:lnTo>
                  <a:lnTo>
                    <a:pt x="1408" y="198"/>
                  </a:lnTo>
                  <a:lnTo>
                    <a:pt x="1414" y="212"/>
                  </a:lnTo>
                  <a:lnTo>
                    <a:pt x="1420" y="226"/>
                  </a:lnTo>
                  <a:lnTo>
                    <a:pt x="1428" y="254"/>
                  </a:lnTo>
                  <a:lnTo>
                    <a:pt x="1432" y="280"/>
                  </a:lnTo>
                  <a:lnTo>
                    <a:pt x="1432" y="304"/>
                  </a:lnTo>
                  <a:lnTo>
                    <a:pt x="1450" y="726"/>
                  </a:lnTo>
                  <a:lnTo>
                    <a:pt x="1450" y="726"/>
                  </a:lnTo>
                  <a:lnTo>
                    <a:pt x="1452" y="748"/>
                  </a:lnTo>
                  <a:lnTo>
                    <a:pt x="1450" y="764"/>
                  </a:lnTo>
                  <a:lnTo>
                    <a:pt x="1448" y="784"/>
                  </a:lnTo>
                  <a:lnTo>
                    <a:pt x="1444" y="804"/>
                  </a:lnTo>
                  <a:lnTo>
                    <a:pt x="1438" y="826"/>
                  </a:lnTo>
                  <a:lnTo>
                    <a:pt x="1428" y="850"/>
                  </a:lnTo>
                  <a:lnTo>
                    <a:pt x="1412" y="870"/>
                  </a:lnTo>
                  <a:lnTo>
                    <a:pt x="1412" y="870"/>
                  </a:lnTo>
                  <a:lnTo>
                    <a:pt x="1404" y="880"/>
                  </a:lnTo>
                  <a:lnTo>
                    <a:pt x="1394" y="890"/>
                  </a:lnTo>
                  <a:lnTo>
                    <a:pt x="1382" y="898"/>
                  </a:lnTo>
                  <a:lnTo>
                    <a:pt x="1370" y="908"/>
                  </a:lnTo>
                  <a:lnTo>
                    <a:pt x="1354" y="914"/>
                  </a:lnTo>
                  <a:lnTo>
                    <a:pt x="1336" y="922"/>
                  </a:lnTo>
                  <a:lnTo>
                    <a:pt x="1314" y="926"/>
                  </a:lnTo>
                  <a:lnTo>
                    <a:pt x="1292" y="930"/>
                  </a:lnTo>
                  <a:lnTo>
                    <a:pt x="1292" y="930"/>
                  </a:lnTo>
                  <a:lnTo>
                    <a:pt x="1210" y="934"/>
                  </a:lnTo>
                  <a:lnTo>
                    <a:pt x="1080" y="938"/>
                  </a:lnTo>
                  <a:lnTo>
                    <a:pt x="732" y="948"/>
                  </a:lnTo>
                  <a:lnTo>
                    <a:pt x="732" y="948"/>
                  </a:lnTo>
                  <a:lnTo>
                    <a:pt x="420" y="958"/>
                  </a:lnTo>
                  <a:lnTo>
                    <a:pt x="420" y="958"/>
                  </a:lnTo>
                  <a:lnTo>
                    <a:pt x="408" y="988"/>
                  </a:lnTo>
                  <a:lnTo>
                    <a:pt x="394" y="1014"/>
                  </a:lnTo>
                  <a:lnTo>
                    <a:pt x="380" y="1038"/>
                  </a:lnTo>
                  <a:lnTo>
                    <a:pt x="364" y="1060"/>
                  </a:lnTo>
                  <a:lnTo>
                    <a:pt x="346" y="1080"/>
                  </a:lnTo>
                  <a:lnTo>
                    <a:pt x="328" y="1098"/>
                  </a:lnTo>
                  <a:lnTo>
                    <a:pt x="308" y="1114"/>
                  </a:lnTo>
                  <a:lnTo>
                    <a:pt x="290" y="1126"/>
                  </a:lnTo>
                  <a:lnTo>
                    <a:pt x="270" y="1138"/>
                  </a:lnTo>
                  <a:lnTo>
                    <a:pt x="250" y="1148"/>
                  </a:lnTo>
                  <a:lnTo>
                    <a:pt x="232" y="1156"/>
                  </a:lnTo>
                  <a:lnTo>
                    <a:pt x="214" y="1162"/>
                  </a:lnTo>
                  <a:lnTo>
                    <a:pt x="178" y="1172"/>
                  </a:lnTo>
                  <a:lnTo>
                    <a:pt x="150" y="1176"/>
                  </a:lnTo>
                  <a:lnTo>
                    <a:pt x="150" y="1176"/>
                  </a:lnTo>
                  <a:lnTo>
                    <a:pt x="146" y="1176"/>
                  </a:lnTo>
                  <a:lnTo>
                    <a:pt x="146" y="1176"/>
                  </a:lnTo>
                  <a:close/>
                </a:path>
              </a:pathLst>
            </a:custGeom>
            <a:solidFill>
              <a:schemeClr val="accent1">
                <a:lumMod val="20000"/>
                <a:lumOff val="80000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16" name="Freeform 14"/>
            <p:cNvSpPr>
              <a:spLocks/>
            </p:cNvSpPr>
            <p:nvPr/>
          </p:nvSpPr>
          <p:spPr bwMode="auto">
            <a:xfrm>
              <a:off x="1871663" y="2506663"/>
              <a:ext cx="2165350" cy="1727200"/>
            </a:xfrm>
            <a:custGeom>
              <a:avLst/>
              <a:gdLst>
                <a:gd name="T0" fmla="*/ 1344 w 1364"/>
                <a:gd name="T1" fmla="*/ 258 h 1088"/>
                <a:gd name="T2" fmla="*/ 1344 w 1364"/>
                <a:gd name="T3" fmla="*/ 240 h 1088"/>
                <a:gd name="T4" fmla="*/ 1334 w 1364"/>
                <a:gd name="T5" fmla="*/ 196 h 1088"/>
                <a:gd name="T6" fmla="*/ 1324 w 1364"/>
                <a:gd name="T7" fmla="*/ 172 h 1088"/>
                <a:gd name="T8" fmla="*/ 1306 w 1364"/>
                <a:gd name="T9" fmla="*/ 150 h 1088"/>
                <a:gd name="T10" fmla="*/ 1280 w 1364"/>
                <a:gd name="T11" fmla="*/ 132 h 1088"/>
                <a:gd name="T12" fmla="*/ 1244 w 1364"/>
                <a:gd name="T13" fmla="*/ 120 h 1088"/>
                <a:gd name="T14" fmla="*/ 188 w 1364"/>
                <a:gd name="T15" fmla="*/ 2 h 1088"/>
                <a:gd name="T16" fmla="*/ 168 w 1364"/>
                <a:gd name="T17" fmla="*/ 0 h 1088"/>
                <a:gd name="T18" fmla="*/ 138 w 1364"/>
                <a:gd name="T19" fmla="*/ 2 h 1088"/>
                <a:gd name="T20" fmla="*/ 114 w 1364"/>
                <a:gd name="T21" fmla="*/ 10 h 1088"/>
                <a:gd name="T22" fmla="*/ 90 w 1364"/>
                <a:gd name="T23" fmla="*/ 28 h 1088"/>
                <a:gd name="T24" fmla="*/ 70 w 1364"/>
                <a:gd name="T25" fmla="*/ 54 h 1088"/>
                <a:gd name="T26" fmla="*/ 54 w 1364"/>
                <a:gd name="T27" fmla="*/ 94 h 1088"/>
                <a:gd name="T28" fmla="*/ 50 w 1364"/>
                <a:gd name="T29" fmla="*/ 120 h 1088"/>
                <a:gd name="T30" fmla="*/ 34 w 1364"/>
                <a:gd name="T31" fmla="*/ 280 h 1088"/>
                <a:gd name="T32" fmla="*/ 0 w 1364"/>
                <a:gd name="T33" fmla="*/ 742 h 1088"/>
                <a:gd name="T34" fmla="*/ 0 w 1364"/>
                <a:gd name="T35" fmla="*/ 748 h 1088"/>
                <a:gd name="T36" fmla="*/ 4 w 1364"/>
                <a:gd name="T37" fmla="*/ 788 h 1088"/>
                <a:gd name="T38" fmla="*/ 12 w 1364"/>
                <a:gd name="T39" fmla="*/ 816 h 1088"/>
                <a:gd name="T40" fmla="*/ 28 w 1364"/>
                <a:gd name="T41" fmla="*/ 842 h 1088"/>
                <a:gd name="T42" fmla="*/ 50 w 1364"/>
                <a:gd name="T43" fmla="*/ 864 h 1088"/>
                <a:gd name="T44" fmla="*/ 84 w 1364"/>
                <a:gd name="T45" fmla="*/ 878 h 1088"/>
                <a:gd name="T46" fmla="*/ 128 w 1364"/>
                <a:gd name="T47" fmla="*/ 880 h 1088"/>
                <a:gd name="T48" fmla="*/ 246 w 1364"/>
                <a:gd name="T49" fmla="*/ 876 h 1088"/>
                <a:gd name="T50" fmla="*/ 244 w 1364"/>
                <a:gd name="T51" fmla="*/ 900 h 1088"/>
                <a:gd name="T52" fmla="*/ 230 w 1364"/>
                <a:gd name="T53" fmla="*/ 954 h 1088"/>
                <a:gd name="T54" fmla="*/ 208 w 1364"/>
                <a:gd name="T55" fmla="*/ 996 h 1088"/>
                <a:gd name="T56" fmla="*/ 186 w 1364"/>
                <a:gd name="T57" fmla="*/ 1024 h 1088"/>
                <a:gd name="T58" fmla="*/ 158 w 1364"/>
                <a:gd name="T59" fmla="*/ 1052 h 1088"/>
                <a:gd name="T60" fmla="*/ 124 w 1364"/>
                <a:gd name="T61" fmla="*/ 1076 h 1088"/>
                <a:gd name="T62" fmla="*/ 102 w 1364"/>
                <a:gd name="T63" fmla="*/ 1088 h 1088"/>
                <a:gd name="T64" fmla="*/ 132 w 1364"/>
                <a:gd name="T65" fmla="*/ 1082 h 1088"/>
                <a:gd name="T66" fmla="*/ 184 w 1364"/>
                <a:gd name="T67" fmla="*/ 1066 h 1088"/>
                <a:gd name="T68" fmla="*/ 222 w 1364"/>
                <a:gd name="T69" fmla="*/ 1046 h 1088"/>
                <a:gd name="T70" fmla="*/ 264 w 1364"/>
                <a:gd name="T71" fmla="*/ 1014 h 1088"/>
                <a:gd name="T72" fmla="*/ 300 w 1364"/>
                <a:gd name="T73" fmla="*/ 968 h 1088"/>
                <a:gd name="T74" fmla="*/ 332 w 1364"/>
                <a:gd name="T75" fmla="*/ 908 h 1088"/>
                <a:gd name="T76" fmla="*/ 342 w 1364"/>
                <a:gd name="T77" fmla="*/ 872 h 1088"/>
                <a:gd name="T78" fmla="*/ 1102 w 1364"/>
                <a:gd name="T79" fmla="*/ 848 h 1088"/>
                <a:gd name="T80" fmla="*/ 1244 w 1364"/>
                <a:gd name="T81" fmla="*/ 842 h 1088"/>
                <a:gd name="T82" fmla="*/ 1290 w 1364"/>
                <a:gd name="T83" fmla="*/ 832 h 1088"/>
                <a:gd name="T84" fmla="*/ 1322 w 1364"/>
                <a:gd name="T85" fmla="*/ 812 h 1088"/>
                <a:gd name="T86" fmla="*/ 1342 w 1364"/>
                <a:gd name="T87" fmla="*/ 788 h 1088"/>
                <a:gd name="T88" fmla="*/ 1356 w 1364"/>
                <a:gd name="T89" fmla="*/ 760 h 1088"/>
                <a:gd name="T90" fmla="*/ 1362 w 1364"/>
                <a:gd name="T91" fmla="*/ 732 h 1088"/>
                <a:gd name="T92" fmla="*/ 1362 w 1364"/>
                <a:gd name="T93" fmla="*/ 692 h 1088"/>
                <a:gd name="T94" fmla="*/ 1362 w 1364"/>
                <a:gd name="T95" fmla="*/ 686 h 108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</a:cxnLst>
              <a:rect l="0" t="0" r="r" b="b"/>
              <a:pathLst>
                <a:path w="1364" h="1088">
                  <a:moveTo>
                    <a:pt x="1362" y="686"/>
                  </a:moveTo>
                  <a:lnTo>
                    <a:pt x="1344" y="258"/>
                  </a:lnTo>
                  <a:lnTo>
                    <a:pt x="1344" y="258"/>
                  </a:lnTo>
                  <a:lnTo>
                    <a:pt x="1344" y="240"/>
                  </a:lnTo>
                  <a:lnTo>
                    <a:pt x="1340" y="220"/>
                  </a:lnTo>
                  <a:lnTo>
                    <a:pt x="1334" y="196"/>
                  </a:lnTo>
                  <a:lnTo>
                    <a:pt x="1330" y="184"/>
                  </a:lnTo>
                  <a:lnTo>
                    <a:pt x="1324" y="172"/>
                  </a:lnTo>
                  <a:lnTo>
                    <a:pt x="1316" y="162"/>
                  </a:lnTo>
                  <a:lnTo>
                    <a:pt x="1306" y="150"/>
                  </a:lnTo>
                  <a:lnTo>
                    <a:pt x="1294" y="140"/>
                  </a:lnTo>
                  <a:lnTo>
                    <a:pt x="1280" y="132"/>
                  </a:lnTo>
                  <a:lnTo>
                    <a:pt x="1264" y="126"/>
                  </a:lnTo>
                  <a:lnTo>
                    <a:pt x="1244" y="120"/>
                  </a:lnTo>
                  <a:lnTo>
                    <a:pt x="188" y="2"/>
                  </a:lnTo>
                  <a:lnTo>
                    <a:pt x="188" y="2"/>
                  </a:lnTo>
                  <a:lnTo>
                    <a:pt x="182" y="0"/>
                  </a:lnTo>
                  <a:lnTo>
                    <a:pt x="168" y="0"/>
                  </a:lnTo>
                  <a:lnTo>
                    <a:pt x="150" y="0"/>
                  </a:lnTo>
                  <a:lnTo>
                    <a:pt x="138" y="2"/>
                  </a:lnTo>
                  <a:lnTo>
                    <a:pt x="126" y="6"/>
                  </a:lnTo>
                  <a:lnTo>
                    <a:pt x="114" y="10"/>
                  </a:lnTo>
                  <a:lnTo>
                    <a:pt x="102" y="18"/>
                  </a:lnTo>
                  <a:lnTo>
                    <a:pt x="90" y="28"/>
                  </a:lnTo>
                  <a:lnTo>
                    <a:pt x="80" y="40"/>
                  </a:lnTo>
                  <a:lnTo>
                    <a:pt x="70" y="54"/>
                  </a:lnTo>
                  <a:lnTo>
                    <a:pt x="62" y="72"/>
                  </a:lnTo>
                  <a:lnTo>
                    <a:pt x="54" y="94"/>
                  </a:lnTo>
                  <a:lnTo>
                    <a:pt x="50" y="120"/>
                  </a:lnTo>
                  <a:lnTo>
                    <a:pt x="50" y="120"/>
                  </a:lnTo>
                  <a:lnTo>
                    <a:pt x="42" y="190"/>
                  </a:lnTo>
                  <a:lnTo>
                    <a:pt x="34" y="280"/>
                  </a:lnTo>
                  <a:lnTo>
                    <a:pt x="18" y="486"/>
                  </a:lnTo>
                  <a:lnTo>
                    <a:pt x="0" y="742"/>
                  </a:lnTo>
                  <a:lnTo>
                    <a:pt x="0" y="742"/>
                  </a:lnTo>
                  <a:lnTo>
                    <a:pt x="0" y="748"/>
                  </a:lnTo>
                  <a:lnTo>
                    <a:pt x="0" y="766"/>
                  </a:lnTo>
                  <a:lnTo>
                    <a:pt x="4" y="788"/>
                  </a:lnTo>
                  <a:lnTo>
                    <a:pt x="8" y="802"/>
                  </a:lnTo>
                  <a:lnTo>
                    <a:pt x="12" y="816"/>
                  </a:lnTo>
                  <a:lnTo>
                    <a:pt x="18" y="828"/>
                  </a:lnTo>
                  <a:lnTo>
                    <a:pt x="28" y="842"/>
                  </a:lnTo>
                  <a:lnTo>
                    <a:pt x="38" y="854"/>
                  </a:lnTo>
                  <a:lnTo>
                    <a:pt x="50" y="864"/>
                  </a:lnTo>
                  <a:lnTo>
                    <a:pt x="66" y="872"/>
                  </a:lnTo>
                  <a:lnTo>
                    <a:pt x="84" y="878"/>
                  </a:lnTo>
                  <a:lnTo>
                    <a:pt x="104" y="880"/>
                  </a:lnTo>
                  <a:lnTo>
                    <a:pt x="128" y="880"/>
                  </a:lnTo>
                  <a:lnTo>
                    <a:pt x="128" y="880"/>
                  </a:lnTo>
                  <a:lnTo>
                    <a:pt x="246" y="876"/>
                  </a:lnTo>
                  <a:lnTo>
                    <a:pt x="246" y="876"/>
                  </a:lnTo>
                  <a:lnTo>
                    <a:pt x="244" y="900"/>
                  </a:lnTo>
                  <a:lnTo>
                    <a:pt x="240" y="928"/>
                  </a:lnTo>
                  <a:lnTo>
                    <a:pt x="230" y="954"/>
                  </a:lnTo>
                  <a:lnTo>
                    <a:pt x="218" y="982"/>
                  </a:lnTo>
                  <a:lnTo>
                    <a:pt x="208" y="996"/>
                  </a:lnTo>
                  <a:lnTo>
                    <a:pt x="198" y="1010"/>
                  </a:lnTo>
                  <a:lnTo>
                    <a:pt x="186" y="1024"/>
                  </a:lnTo>
                  <a:lnTo>
                    <a:pt x="174" y="1038"/>
                  </a:lnTo>
                  <a:lnTo>
                    <a:pt x="158" y="1052"/>
                  </a:lnTo>
                  <a:lnTo>
                    <a:pt x="142" y="1064"/>
                  </a:lnTo>
                  <a:lnTo>
                    <a:pt x="124" y="1076"/>
                  </a:lnTo>
                  <a:lnTo>
                    <a:pt x="102" y="1088"/>
                  </a:lnTo>
                  <a:lnTo>
                    <a:pt x="102" y="1088"/>
                  </a:lnTo>
                  <a:lnTo>
                    <a:pt x="110" y="1086"/>
                  </a:lnTo>
                  <a:lnTo>
                    <a:pt x="132" y="1082"/>
                  </a:lnTo>
                  <a:lnTo>
                    <a:pt x="164" y="1074"/>
                  </a:lnTo>
                  <a:lnTo>
                    <a:pt x="184" y="1066"/>
                  </a:lnTo>
                  <a:lnTo>
                    <a:pt x="202" y="1056"/>
                  </a:lnTo>
                  <a:lnTo>
                    <a:pt x="222" y="1046"/>
                  </a:lnTo>
                  <a:lnTo>
                    <a:pt x="244" y="1030"/>
                  </a:lnTo>
                  <a:lnTo>
                    <a:pt x="264" y="1014"/>
                  </a:lnTo>
                  <a:lnTo>
                    <a:pt x="282" y="992"/>
                  </a:lnTo>
                  <a:lnTo>
                    <a:pt x="300" y="968"/>
                  </a:lnTo>
                  <a:lnTo>
                    <a:pt x="318" y="940"/>
                  </a:lnTo>
                  <a:lnTo>
                    <a:pt x="332" y="908"/>
                  </a:lnTo>
                  <a:lnTo>
                    <a:pt x="342" y="872"/>
                  </a:lnTo>
                  <a:lnTo>
                    <a:pt x="342" y="872"/>
                  </a:lnTo>
                  <a:lnTo>
                    <a:pt x="868" y="856"/>
                  </a:lnTo>
                  <a:lnTo>
                    <a:pt x="1102" y="848"/>
                  </a:lnTo>
                  <a:lnTo>
                    <a:pt x="1244" y="842"/>
                  </a:lnTo>
                  <a:lnTo>
                    <a:pt x="1244" y="842"/>
                  </a:lnTo>
                  <a:lnTo>
                    <a:pt x="1268" y="838"/>
                  </a:lnTo>
                  <a:lnTo>
                    <a:pt x="1290" y="832"/>
                  </a:lnTo>
                  <a:lnTo>
                    <a:pt x="1306" y="824"/>
                  </a:lnTo>
                  <a:lnTo>
                    <a:pt x="1322" y="812"/>
                  </a:lnTo>
                  <a:lnTo>
                    <a:pt x="1332" y="800"/>
                  </a:lnTo>
                  <a:lnTo>
                    <a:pt x="1342" y="788"/>
                  </a:lnTo>
                  <a:lnTo>
                    <a:pt x="1350" y="774"/>
                  </a:lnTo>
                  <a:lnTo>
                    <a:pt x="1356" y="760"/>
                  </a:lnTo>
                  <a:lnTo>
                    <a:pt x="1358" y="746"/>
                  </a:lnTo>
                  <a:lnTo>
                    <a:pt x="1362" y="732"/>
                  </a:lnTo>
                  <a:lnTo>
                    <a:pt x="1364" y="708"/>
                  </a:lnTo>
                  <a:lnTo>
                    <a:pt x="1362" y="692"/>
                  </a:lnTo>
                  <a:lnTo>
                    <a:pt x="1362" y="686"/>
                  </a:lnTo>
                  <a:lnTo>
                    <a:pt x="1362" y="686"/>
                  </a:lnTo>
                  <a:close/>
                </a:path>
              </a:pathLst>
            </a:custGeom>
            <a:solidFill>
              <a:schemeClr val="accent4">
                <a:lumMod val="20000"/>
                <a:lumOff val="80000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12" name="Dikdörtgen 11"/>
          <p:cNvSpPr/>
          <p:nvPr/>
        </p:nvSpPr>
        <p:spPr>
          <a:xfrm>
            <a:off x="5499185" y="2766999"/>
            <a:ext cx="6078042" cy="10772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just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Arial"/>
                <a:ea typeface="맑은 고딕"/>
                <a:cs typeface="+mn-cs"/>
              </a:rPr>
              <a:t>Allah’a inanmanın iyi</a:t>
            </a:r>
            <a:r>
              <a:rPr kumimoji="0" lang="tr-TR" sz="3200" b="0" i="0" u="none" strike="noStrike" kern="1200" cap="none" spc="0" normalizeH="0" noProof="0" dirty="0">
                <a:ln>
                  <a:noFill/>
                </a:ln>
                <a:effectLst/>
                <a:uLnTx/>
                <a:uFillTx/>
                <a:latin typeface="Arial"/>
                <a:ea typeface="맑은 고딕"/>
                <a:cs typeface="+mn-cs"/>
              </a:rPr>
              <a:t> 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Arial"/>
                <a:ea typeface="맑은 고딕"/>
                <a:cs typeface="+mn-cs"/>
              </a:rPr>
              <a:t>bir insan olmaya katkısı var mıdır?</a:t>
            </a:r>
          </a:p>
        </p:txBody>
      </p:sp>
      <p:sp>
        <p:nvSpPr>
          <p:cNvPr id="11" name="Freeform 2">
            <a:extLst>
              <a:ext uri="{FF2B5EF4-FFF2-40B4-BE49-F238E27FC236}">
                <a16:creationId xmlns:a16="http://schemas.microsoft.com/office/drawing/2014/main" id="{0C2F2EEC-6E86-31D1-B8A2-B620A70ED5BB}"/>
              </a:ext>
            </a:extLst>
          </p:cNvPr>
          <p:cNvSpPr/>
          <p:nvPr/>
        </p:nvSpPr>
        <p:spPr>
          <a:xfrm>
            <a:off x="614774" y="1702021"/>
            <a:ext cx="4406420" cy="4532524"/>
          </a:xfrm>
          <a:custGeom>
            <a:avLst/>
            <a:gdLst/>
            <a:ahLst/>
            <a:cxnLst/>
            <a:rect l="l" t="t" r="r" b="b"/>
            <a:pathLst>
              <a:path w="4063365" h="4114800">
                <a:moveTo>
                  <a:pt x="0" y="0"/>
                </a:moveTo>
                <a:lnTo>
                  <a:pt x="4063365" y="0"/>
                </a:lnTo>
                <a:lnTo>
                  <a:pt x="4063365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830858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Freeform: Shape 12">
            <a:extLst>
              <a:ext uri="{FF2B5EF4-FFF2-40B4-BE49-F238E27FC236}">
                <a16:creationId xmlns:a16="http://schemas.microsoft.com/office/drawing/2014/main" id="{7F3BDB45-3A20-49CE-85DF-66ADFA2FE00C}"/>
              </a:ext>
            </a:extLst>
          </p:cNvPr>
          <p:cNvSpPr/>
          <p:nvPr/>
        </p:nvSpPr>
        <p:spPr>
          <a:xfrm>
            <a:off x="3875350" y="2152792"/>
            <a:ext cx="4120135" cy="2175187"/>
          </a:xfrm>
          <a:custGeom>
            <a:avLst/>
            <a:gdLst>
              <a:gd name="connsiteX0" fmla="*/ 2918207 w 6282731"/>
              <a:gd name="connsiteY0" fmla="*/ 0 h 3316909"/>
              <a:gd name="connsiteX1" fmla="*/ 4040382 w 6282731"/>
              <a:gd name="connsiteY1" fmla="*/ 914599 h 3316909"/>
              <a:gd name="connsiteX2" fmla="*/ 4047436 w 6282731"/>
              <a:gd name="connsiteY2" fmla="*/ 984571 h 3316909"/>
              <a:gd name="connsiteX3" fmla="*/ 4103706 w 6282731"/>
              <a:gd name="connsiteY3" fmla="*/ 954028 h 3316909"/>
              <a:gd name="connsiteX4" fmla="*/ 4377079 w 6282731"/>
              <a:gd name="connsiteY4" fmla="*/ 898837 h 3316909"/>
              <a:gd name="connsiteX5" fmla="*/ 4959450 w 6282731"/>
              <a:gd name="connsiteY5" fmla="*/ 1208481 h 3316909"/>
              <a:gd name="connsiteX6" fmla="*/ 5007718 w 6282731"/>
              <a:gd name="connsiteY6" fmla="*/ 1297408 h 3316909"/>
              <a:gd name="connsiteX7" fmla="*/ 5031416 w 6282731"/>
              <a:gd name="connsiteY7" fmla="*/ 1268686 h 3316909"/>
              <a:gd name="connsiteX8" fmla="*/ 5363881 w 6282731"/>
              <a:gd name="connsiteY8" fmla="*/ 1130975 h 3316909"/>
              <a:gd name="connsiteX9" fmla="*/ 5834058 w 6282731"/>
              <a:gd name="connsiteY9" fmla="*/ 1601152 h 3316909"/>
              <a:gd name="connsiteX10" fmla="*/ 5777310 w 6282731"/>
              <a:gd name="connsiteY10" fmla="*/ 1825267 h 3316909"/>
              <a:gd name="connsiteX11" fmla="*/ 5742460 w 6282731"/>
              <a:gd name="connsiteY11" fmla="*/ 1874306 h 3316909"/>
              <a:gd name="connsiteX12" fmla="*/ 5833120 w 6282731"/>
              <a:gd name="connsiteY12" fmla="*/ 1902448 h 3316909"/>
              <a:gd name="connsiteX13" fmla="*/ 6282731 w 6282731"/>
              <a:gd name="connsiteY13" fmla="*/ 2580753 h 3316909"/>
              <a:gd name="connsiteX14" fmla="*/ 5621843 w 6282731"/>
              <a:gd name="connsiteY14" fmla="*/ 3313109 h 3316909"/>
              <a:gd name="connsiteX15" fmla="*/ 5583798 w 6282731"/>
              <a:gd name="connsiteY15" fmla="*/ 3315030 h 3316909"/>
              <a:gd name="connsiteX16" fmla="*/ 5583798 w 6282731"/>
              <a:gd name="connsiteY16" fmla="*/ 3316909 h 3316909"/>
              <a:gd name="connsiteX17" fmla="*/ 5546575 w 6282731"/>
              <a:gd name="connsiteY17" fmla="*/ 3316909 h 3316909"/>
              <a:gd name="connsiteX18" fmla="*/ 916622 w 6282731"/>
              <a:gd name="connsiteY18" fmla="*/ 3316909 h 3316909"/>
              <a:gd name="connsiteX19" fmla="*/ 916622 w 6282731"/>
              <a:gd name="connsiteY19" fmla="*/ 3316780 h 3316909"/>
              <a:gd name="connsiteX20" fmla="*/ 914090 w 6282731"/>
              <a:gd name="connsiteY20" fmla="*/ 3316908 h 3316909"/>
              <a:gd name="connsiteX21" fmla="*/ 0 w 6282731"/>
              <a:gd name="connsiteY21" fmla="*/ 2402818 h 3316909"/>
              <a:gd name="connsiteX22" fmla="*/ 914090 w 6282731"/>
              <a:gd name="connsiteY22" fmla="*/ 1488728 h 3316909"/>
              <a:gd name="connsiteX23" fmla="*/ 1010294 w 6282731"/>
              <a:gd name="connsiteY23" fmla="*/ 1496007 h 3316909"/>
              <a:gd name="connsiteX24" fmla="*/ 994223 w 6282731"/>
              <a:gd name="connsiteY24" fmla="*/ 1466398 h 3316909"/>
              <a:gd name="connsiteX25" fmla="*/ 938460 w 6282731"/>
              <a:gd name="connsiteY25" fmla="*/ 1190197 h 3316909"/>
              <a:gd name="connsiteX26" fmla="*/ 1648041 w 6282731"/>
              <a:gd name="connsiteY26" fmla="*/ 480616 h 3316909"/>
              <a:gd name="connsiteX27" fmla="*/ 1924242 w 6282731"/>
              <a:gd name="connsiteY27" fmla="*/ 536378 h 3316909"/>
              <a:gd name="connsiteX28" fmla="*/ 1945191 w 6282731"/>
              <a:gd name="connsiteY28" fmla="*/ 547749 h 3316909"/>
              <a:gd name="connsiteX29" fmla="*/ 1968386 w 6282731"/>
              <a:gd name="connsiteY29" fmla="*/ 505016 h 3316909"/>
              <a:gd name="connsiteX30" fmla="*/ 2918207 w 6282731"/>
              <a:gd name="connsiteY30" fmla="*/ 0 h 331690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</a:cxnLst>
            <a:rect l="l" t="t" r="r" b="b"/>
            <a:pathLst>
              <a:path w="6282731" h="3316909">
                <a:moveTo>
                  <a:pt x="2918207" y="0"/>
                </a:moveTo>
                <a:cubicBezTo>
                  <a:pt x="3471743" y="0"/>
                  <a:pt x="3933573" y="392638"/>
                  <a:pt x="4040382" y="914599"/>
                </a:cubicBezTo>
                <a:lnTo>
                  <a:pt x="4047436" y="984571"/>
                </a:lnTo>
                <a:lnTo>
                  <a:pt x="4103706" y="954028"/>
                </a:lnTo>
                <a:cubicBezTo>
                  <a:pt x="4187730" y="918489"/>
                  <a:pt x="4280110" y="898837"/>
                  <a:pt x="4377079" y="898837"/>
                </a:cubicBezTo>
                <a:cubicBezTo>
                  <a:pt x="4619503" y="898837"/>
                  <a:pt x="4833239" y="1021664"/>
                  <a:pt x="4959450" y="1208481"/>
                </a:cubicBezTo>
                <a:lnTo>
                  <a:pt x="5007718" y="1297408"/>
                </a:lnTo>
                <a:lnTo>
                  <a:pt x="5031416" y="1268686"/>
                </a:lnTo>
                <a:cubicBezTo>
                  <a:pt x="5116501" y="1183601"/>
                  <a:pt x="5234045" y="1130975"/>
                  <a:pt x="5363881" y="1130975"/>
                </a:cubicBezTo>
                <a:cubicBezTo>
                  <a:pt x="5623553" y="1130975"/>
                  <a:pt x="5834058" y="1341480"/>
                  <a:pt x="5834058" y="1601152"/>
                </a:cubicBezTo>
                <a:cubicBezTo>
                  <a:pt x="5834058" y="1682299"/>
                  <a:pt x="5813501" y="1758646"/>
                  <a:pt x="5777310" y="1825267"/>
                </a:cubicBezTo>
                <a:lnTo>
                  <a:pt x="5742460" y="1874306"/>
                </a:lnTo>
                <a:lnTo>
                  <a:pt x="5833120" y="1902448"/>
                </a:lnTo>
                <a:cubicBezTo>
                  <a:pt x="6097338" y="2014202"/>
                  <a:pt x="6282731" y="2275827"/>
                  <a:pt x="6282731" y="2580753"/>
                </a:cubicBezTo>
                <a:cubicBezTo>
                  <a:pt x="6282731" y="2961911"/>
                  <a:pt x="5993054" y="3275410"/>
                  <a:pt x="5621843" y="3313109"/>
                </a:cubicBezTo>
                <a:lnTo>
                  <a:pt x="5583798" y="3315030"/>
                </a:lnTo>
                <a:lnTo>
                  <a:pt x="5583798" y="3316909"/>
                </a:lnTo>
                <a:lnTo>
                  <a:pt x="5546575" y="3316909"/>
                </a:lnTo>
                <a:lnTo>
                  <a:pt x="916622" y="3316909"/>
                </a:lnTo>
                <a:lnTo>
                  <a:pt x="916622" y="3316780"/>
                </a:lnTo>
                <a:lnTo>
                  <a:pt x="914090" y="3316908"/>
                </a:lnTo>
                <a:cubicBezTo>
                  <a:pt x="409252" y="3316908"/>
                  <a:pt x="0" y="2907656"/>
                  <a:pt x="0" y="2402818"/>
                </a:cubicBezTo>
                <a:cubicBezTo>
                  <a:pt x="0" y="1897980"/>
                  <a:pt x="409252" y="1488728"/>
                  <a:pt x="914090" y="1488728"/>
                </a:cubicBezTo>
                <a:lnTo>
                  <a:pt x="1010294" y="1496007"/>
                </a:lnTo>
                <a:lnTo>
                  <a:pt x="994223" y="1466398"/>
                </a:lnTo>
                <a:cubicBezTo>
                  <a:pt x="958316" y="1381505"/>
                  <a:pt x="938460" y="1288170"/>
                  <a:pt x="938460" y="1190197"/>
                </a:cubicBezTo>
                <a:cubicBezTo>
                  <a:pt x="938460" y="798306"/>
                  <a:pt x="1256150" y="480616"/>
                  <a:pt x="1648041" y="480616"/>
                </a:cubicBezTo>
                <a:cubicBezTo>
                  <a:pt x="1746014" y="480616"/>
                  <a:pt x="1839349" y="500472"/>
                  <a:pt x="1924242" y="536378"/>
                </a:cubicBezTo>
                <a:lnTo>
                  <a:pt x="1945191" y="547749"/>
                </a:lnTo>
                <a:lnTo>
                  <a:pt x="1968386" y="505016"/>
                </a:lnTo>
                <a:cubicBezTo>
                  <a:pt x="2174231" y="200326"/>
                  <a:pt x="2522825" y="0"/>
                  <a:pt x="2918207" y="0"/>
                </a:cubicBez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  <a:ln w="7620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b"/>
          <a:lstStyle/>
          <a:p>
            <a:pPr marL="0" marR="0" lvl="0" indent="0" algn="ctr" defTabSz="914400" rtl="0" eaLnBrk="1" fontAlgn="auto" latinLnBrk="0" hangingPunct="1"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  </a:t>
            </a:r>
            <a:endParaRPr kumimoji="0" lang="en-US" sz="36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34" name="Freeform 143">
            <a:extLst>
              <a:ext uri="{FF2B5EF4-FFF2-40B4-BE49-F238E27FC236}">
                <a16:creationId xmlns:a16="http://schemas.microsoft.com/office/drawing/2014/main" id="{A4D78AB5-DF77-4A70-89EF-614D6D58E16F}"/>
              </a:ext>
            </a:extLst>
          </p:cNvPr>
          <p:cNvSpPr>
            <a:spLocks/>
          </p:cNvSpPr>
          <p:nvPr/>
        </p:nvSpPr>
        <p:spPr bwMode="auto">
          <a:xfrm rot="12600000">
            <a:off x="3345828" y="4219874"/>
            <a:ext cx="552218" cy="1381912"/>
          </a:xfrm>
          <a:custGeom>
            <a:avLst/>
            <a:gdLst>
              <a:gd name="T0" fmla="*/ 1563 w 1594"/>
              <a:gd name="T1" fmla="*/ 270 h 2645"/>
              <a:gd name="T2" fmla="*/ 1576 w 1594"/>
              <a:gd name="T3" fmla="*/ 235 h 2645"/>
              <a:gd name="T4" fmla="*/ 1548 w 1594"/>
              <a:gd name="T5" fmla="*/ 213 h 2645"/>
              <a:gd name="T6" fmla="*/ 1528 w 1594"/>
              <a:gd name="T7" fmla="*/ 192 h 2645"/>
              <a:gd name="T8" fmla="*/ 1494 w 1594"/>
              <a:gd name="T9" fmla="*/ 192 h 2645"/>
              <a:gd name="T10" fmla="*/ 1145 w 1594"/>
              <a:gd name="T11" fmla="*/ 62 h 2645"/>
              <a:gd name="T12" fmla="*/ 1079 w 1594"/>
              <a:gd name="T13" fmla="*/ 40 h 2645"/>
              <a:gd name="T14" fmla="*/ 969 w 1594"/>
              <a:gd name="T15" fmla="*/ 0 h 2645"/>
              <a:gd name="T16" fmla="*/ 943 w 1594"/>
              <a:gd name="T17" fmla="*/ 31 h 2645"/>
              <a:gd name="T18" fmla="*/ 932 w 1594"/>
              <a:gd name="T19" fmla="*/ 30 h 2645"/>
              <a:gd name="T20" fmla="*/ 924 w 1594"/>
              <a:gd name="T21" fmla="*/ 28 h 2645"/>
              <a:gd name="T22" fmla="*/ 900 w 1594"/>
              <a:gd name="T23" fmla="*/ 40 h 2645"/>
              <a:gd name="T24" fmla="*/ 885 w 1594"/>
              <a:gd name="T25" fmla="*/ 38 h 2645"/>
              <a:gd name="T26" fmla="*/ 871 w 1594"/>
              <a:gd name="T27" fmla="*/ 91 h 2645"/>
              <a:gd name="T28" fmla="*/ 1103 w 1594"/>
              <a:gd name="T29" fmla="*/ 172 h 2645"/>
              <a:gd name="T30" fmla="*/ 1141 w 1594"/>
              <a:gd name="T31" fmla="*/ 193 h 2645"/>
              <a:gd name="T32" fmla="*/ 1284 w 1594"/>
              <a:gd name="T33" fmla="*/ 236 h 2645"/>
              <a:gd name="T34" fmla="*/ 926 w 1594"/>
              <a:gd name="T35" fmla="*/ 378 h 2645"/>
              <a:gd name="T36" fmla="*/ 567 w 1594"/>
              <a:gd name="T37" fmla="*/ 673 h 2645"/>
              <a:gd name="T38" fmla="*/ 344 w 1594"/>
              <a:gd name="T39" fmla="*/ 991 h 2645"/>
              <a:gd name="T40" fmla="*/ 220 w 1594"/>
              <a:gd name="T41" fmla="*/ 1286 h 2645"/>
              <a:gd name="T42" fmla="*/ 58 w 1594"/>
              <a:gd name="T43" fmla="*/ 1689 h 2645"/>
              <a:gd name="T44" fmla="*/ 1 w 1594"/>
              <a:gd name="T45" fmla="*/ 2202 h 2645"/>
              <a:gd name="T46" fmla="*/ 61 w 1594"/>
              <a:gd name="T47" fmla="*/ 2495 h 2645"/>
              <a:gd name="T48" fmla="*/ 115 w 1594"/>
              <a:gd name="T49" fmla="*/ 2618 h 2645"/>
              <a:gd name="T50" fmla="*/ 138 w 1594"/>
              <a:gd name="T51" fmla="*/ 2608 h 2645"/>
              <a:gd name="T52" fmla="*/ 83 w 1594"/>
              <a:gd name="T53" fmla="*/ 2438 h 2645"/>
              <a:gd name="T54" fmla="*/ 143 w 1594"/>
              <a:gd name="T55" fmla="*/ 2543 h 2645"/>
              <a:gd name="T56" fmla="*/ 213 w 1594"/>
              <a:gd name="T57" fmla="*/ 2643 h 2645"/>
              <a:gd name="T58" fmla="*/ 250 w 1594"/>
              <a:gd name="T59" fmla="*/ 2627 h 2645"/>
              <a:gd name="T60" fmla="*/ 277 w 1594"/>
              <a:gd name="T61" fmla="*/ 2623 h 2645"/>
              <a:gd name="T62" fmla="*/ 290 w 1594"/>
              <a:gd name="T63" fmla="*/ 2587 h 2645"/>
              <a:gd name="T64" fmla="*/ 216 w 1594"/>
              <a:gd name="T65" fmla="*/ 2422 h 2645"/>
              <a:gd name="T66" fmla="*/ 176 w 1594"/>
              <a:gd name="T67" fmla="*/ 1975 h 2645"/>
              <a:gd name="T68" fmla="*/ 203 w 1594"/>
              <a:gd name="T69" fmla="*/ 1633 h 2645"/>
              <a:gd name="T70" fmla="*/ 335 w 1594"/>
              <a:gd name="T71" fmla="*/ 1313 h 2645"/>
              <a:gd name="T72" fmla="*/ 531 w 1594"/>
              <a:gd name="T73" fmla="*/ 1007 h 2645"/>
              <a:gd name="T74" fmla="*/ 828 w 1594"/>
              <a:gd name="T75" fmla="*/ 660 h 2645"/>
              <a:gd name="T76" fmla="*/ 985 w 1594"/>
              <a:gd name="T77" fmla="*/ 537 h 2645"/>
              <a:gd name="T78" fmla="*/ 1171 w 1594"/>
              <a:gd name="T79" fmla="*/ 464 h 2645"/>
              <a:gd name="T80" fmla="*/ 1035 w 1594"/>
              <a:gd name="T81" fmla="*/ 632 h 2645"/>
              <a:gd name="T82" fmla="*/ 1055 w 1594"/>
              <a:gd name="T83" fmla="*/ 669 h 2645"/>
              <a:gd name="T84" fmla="*/ 1077 w 1594"/>
              <a:gd name="T85" fmla="*/ 702 h 2645"/>
              <a:gd name="T86" fmla="*/ 1139 w 1594"/>
              <a:gd name="T87" fmla="*/ 669 h 2645"/>
              <a:gd name="T88" fmla="*/ 1202 w 1594"/>
              <a:gd name="T89" fmla="*/ 649 h 2645"/>
              <a:gd name="T90" fmla="*/ 1279 w 1594"/>
              <a:gd name="T91" fmla="*/ 573 h 2645"/>
              <a:gd name="T92" fmla="*/ 1580 w 1594"/>
              <a:gd name="T93" fmla="*/ 327 h 2645"/>
              <a:gd name="T94" fmla="*/ 1591 w 1594"/>
              <a:gd name="T95" fmla="*/ 290 h 2645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</a:cxnLst>
            <a:rect l="0" t="0" r="r" b="b"/>
            <a:pathLst>
              <a:path w="1594" h="2645">
                <a:moveTo>
                  <a:pt x="1573" y="273"/>
                </a:moveTo>
                <a:lnTo>
                  <a:pt x="1568" y="271"/>
                </a:lnTo>
                <a:lnTo>
                  <a:pt x="1563" y="270"/>
                </a:lnTo>
                <a:lnTo>
                  <a:pt x="1569" y="266"/>
                </a:lnTo>
                <a:lnTo>
                  <a:pt x="1577" y="251"/>
                </a:lnTo>
                <a:lnTo>
                  <a:pt x="1576" y="235"/>
                </a:lnTo>
                <a:lnTo>
                  <a:pt x="1567" y="220"/>
                </a:lnTo>
                <a:lnTo>
                  <a:pt x="1558" y="215"/>
                </a:lnTo>
                <a:lnTo>
                  <a:pt x="1548" y="213"/>
                </a:lnTo>
                <a:lnTo>
                  <a:pt x="1539" y="209"/>
                </a:lnTo>
                <a:lnTo>
                  <a:pt x="1537" y="202"/>
                </a:lnTo>
                <a:lnTo>
                  <a:pt x="1528" y="192"/>
                </a:lnTo>
                <a:lnTo>
                  <a:pt x="1515" y="187"/>
                </a:lnTo>
                <a:lnTo>
                  <a:pt x="1501" y="188"/>
                </a:lnTo>
                <a:lnTo>
                  <a:pt x="1494" y="192"/>
                </a:lnTo>
                <a:lnTo>
                  <a:pt x="1345" y="137"/>
                </a:lnTo>
                <a:lnTo>
                  <a:pt x="1196" y="83"/>
                </a:lnTo>
                <a:lnTo>
                  <a:pt x="1145" y="62"/>
                </a:lnTo>
                <a:lnTo>
                  <a:pt x="1095" y="41"/>
                </a:lnTo>
                <a:lnTo>
                  <a:pt x="1087" y="39"/>
                </a:lnTo>
                <a:lnTo>
                  <a:pt x="1079" y="40"/>
                </a:lnTo>
                <a:lnTo>
                  <a:pt x="1029" y="21"/>
                </a:lnTo>
                <a:lnTo>
                  <a:pt x="977" y="3"/>
                </a:lnTo>
                <a:lnTo>
                  <a:pt x="969" y="0"/>
                </a:lnTo>
                <a:lnTo>
                  <a:pt x="956" y="3"/>
                </a:lnTo>
                <a:lnTo>
                  <a:pt x="943" y="18"/>
                </a:lnTo>
                <a:lnTo>
                  <a:pt x="943" y="31"/>
                </a:lnTo>
                <a:lnTo>
                  <a:pt x="937" y="31"/>
                </a:lnTo>
                <a:lnTo>
                  <a:pt x="932" y="30"/>
                </a:lnTo>
                <a:lnTo>
                  <a:pt x="932" y="30"/>
                </a:lnTo>
                <a:lnTo>
                  <a:pt x="932" y="30"/>
                </a:lnTo>
                <a:lnTo>
                  <a:pt x="928" y="30"/>
                </a:lnTo>
                <a:lnTo>
                  <a:pt x="924" y="28"/>
                </a:lnTo>
                <a:lnTo>
                  <a:pt x="916" y="28"/>
                </a:lnTo>
                <a:lnTo>
                  <a:pt x="904" y="35"/>
                </a:lnTo>
                <a:lnTo>
                  <a:pt x="900" y="40"/>
                </a:lnTo>
                <a:lnTo>
                  <a:pt x="899" y="40"/>
                </a:lnTo>
                <a:lnTo>
                  <a:pt x="898" y="40"/>
                </a:lnTo>
                <a:lnTo>
                  <a:pt x="885" y="38"/>
                </a:lnTo>
                <a:lnTo>
                  <a:pt x="867" y="49"/>
                </a:lnTo>
                <a:lnTo>
                  <a:pt x="862" y="70"/>
                </a:lnTo>
                <a:lnTo>
                  <a:pt x="871" y="91"/>
                </a:lnTo>
                <a:lnTo>
                  <a:pt x="882" y="96"/>
                </a:lnTo>
                <a:lnTo>
                  <a:pt x="992" y="135"/>
                </a:lnTo>
                <a:lnTo>
                  <a:pt x="1103" y="172"/>
                </a:lnTo>
                <a:lnTo>
                  <a:pt x="1110" y="180"/>
                </a:lnTo>
                <a:lnTo>
                  <a:pt x="1132" y="190"/>
                </a:lnTo>
                <a:lnTo>
                  <a:pt x="1141" y="193"/>
                </a:lnTo>
                <a:lnTo>
                  <a:pt x="1149" y="189"/>
                </a:lnTo>
                <a:lnTo>
                  <a:pt x="1217" y="213"/>
                </a:lnTo>
                <a:lnTo>
                  <a:pt x="1284" y="236"/>
                </a:lnTo>
                <a:lnTo>
                  <a:pt x="1209" y="255"/>
                </a:lnTo>
                <a:lnTo>
                  <a:pt x="1064" y="308"/>
                </a:lnTo>
                <a:lnTo>
                  <a:pt x="926" y="378"/>
                </a:lnTo>
                <a:lnTo>
                  <a:pt x="797" y="464"/>
                </a:lnTo>
                <a:lnTo>
                  <a:pt x="677" y="562"/>
                </a:lnTo>
                <a:lnTo>
                  <a:pt x="567" y="673"/>
                </a:lnTo>
                <a:lnTo>
                  <a:pt x="469" y="793"/>
                </a:lnTo>
                <a:lnTo>
                  <a:pt x="382" y="923"/>
                </a:lnTo>
                <a:lnTo>
                  <a:pt x="344" y="991"/>
                </a:lnTo>
                <a:lnTo>
                  <a:pt x="308" y="1063"/>
                </a:lnTo>
                <a:lnTo>
                  <a:pt x="246" y="1211"/>
                </a:lnTo>
                <a:lnTo>
                  <a:pt x="220" y="1286"/>
                </a:lnTo>
                <a:lnTo>
                  <a:pt x="181" y="1362"/>
                </a:lnTo>
                <a:lnTo>
                  <a:pt x="112" y="1522"/>
                </a:lnTo>
                <a:lnTo>
                  <a:pt x="58" y="1689"/>
                </a:lnTo>
                <a:lnTo>
                  <a:pt x="20" y="1859"/>
                </a:lnTo>
                <a:lnTo>
                  <a:pt x="0" y="2031"/>
                </a:lnTo>
                <a:lnTo>
                  <a:pt x="1" y="2202"/>
                </a:lnTo>
                <a:lnTo>
                  <a:pt x="18" y="2329"/>
                </a:lnTo>
                <a:lnTo>
                  <a:pt x="36" y="2413"/>
                </a:lnTo>
                <a:lnTo>
                  <a:pt x="61" y="2495"/>
                </a:lnTo>
                <a:lnTo>
                  <a:pt x="93" y="2574"/>
                </a:lnTo>
                <a:lnTo>
                  <a:pt x="111" y="2614"/>
                </a:lnTo>
                <a:lnTo>
                  <a:pt x="115" y="2618"/>
                </a:lnTo>
                <a:lnTo>
                  <a:pt x="124" y="2621"/>
                </a:lnTo>
                <a:lnTo>
                  <a:pt x="134" y="2617"/>
                </a:lnTo>
                <a:lnTo>
                  <a:pt x="138" y="2608"/>
                </a:lnTo>
                <a:lnTo>
                  <a:pt x="137" y="2603"/>
                </a:lnTo>
                <a:lnTo>
                  <a:pt x="116" y="2548"/>
                </a:lnTo>
                <a:lnTo>
                  <a:pt x="83" y="2438"/>
                </a:lnTo>
                <a:lnTo>
                  <a:pt x="70" y="2382"/>
                </a:lnTo>
                <a:lnTo>
                  <a:pt x="94" y="2447"/>
                </a:lnTo>
                <a:lnTo>
                  <a:pt x="143" y="2543"/>
                </a:lnTo>
                <a:lnTo>
                  <a:pt x="185" y="2605"/>
                </a:lnTo>
                <a:lnTo>
                  <a:pt x="208" y="2636"/>
                </a:lnTo>
                <a:lnTo>
                  <a:pt x="213" y="2643"/>
                </a:lnTo>
                <a:lnTo>
                  <a:pt x="228" y="2645"/>
                </a:lnTo>
                <a:lnTo>
                  <a:pt x="241" y="2639"/>
                </a:lnTo>
                <a:lnTo>
                  <a:pt x="250" y="2627"/>
                </a:lnTo>
                <a:lnTo>
                  <a:pt x="251" y="2619"/>
                </a:lnTo>
                <a:lnTo>
                  <a:pt x="260" y="2625"/>
                </a:lnTo>
                <a:lnTo>
                  <a:pt x="277" y="2623"/>
                </a:lnTo>
                <a:lnTo>
                  <a:pt x="290" y="2613"/>
                </a:lnTo>
                <a:lnTo>
                  <a:pt x="294" y="2597"/>
                </a:lnTo>
                <a:lnTo>
                  <a:pt x="290" y="2587"/>
                </a:lnTo>
                <a:lnTo>
                  <a:pt x="268" y="2547"/>
                </a:lnTo>
                <a:lnTo>
                  <a:pt x="232" y="2464"/>
                </a:lnTo>
                <a:lnTo>
                  <a:pt x="216" y="2422"/>
                </a:lnTo>
                <a:lnTo>
                  <a:pt x="202" y="2333"/>
                </a:lnTo>
                <a:lnTo>
                  <a:pt x="184" y="2155"/>
                </a:lnTo>
                <a:lnTo>
                  <a:pt x="176" y="1975"/>
                </a:lnTo>
                <a:lnTo>
                  <a:pt x="181" y="1796"/>
                </a:lnTo>
                <a:lnTo>
                  <a:pt x="189" y="1707"/>
                </a:lnTo>
                <a:lnTo>
                  <a:pt x="203" y="1633"/>
                </a:lnTo>
                <a:lnTo>
                  <a:pt x="223" y="1560"/>
                </a:lnTo>
                <a:lnTo>
                  <a:pt x="255" y="1476"/>
                </a:lnTo>
                <a:lnTo>
                  <a:pt x="335" y="1313"/>
                </a:lnTo>
                <a:lnTo>
                  <a:pt x="381" y="1235"/>
                </a:lnTo>
                <a:lnTo>
                  <a:pt x="429" y="1159"/>
                </a:lnTo>
                <a:lnTo>
                  <a:pt x="531" y="1007"/>
                </a:lnTo>
                <a:lnTo>
                  <a:pt x="644" y="862"/>
                </a:lnTo>
                <a:lnTo>
                  <a:pt x="764" y="724"/>
                </a:lnTo>
                <a:lnTo>
                  <a:pt x="828" y="660"/>
                </a:lnTo>
                <a:lnTo>
                  <a:pt x="869" y="622"/>
                </a:lnTo>
                <a:lnTo>
                  <a:pt x="912" y="586"/>
                </a:lnTo>
                <a:lnTo>
                  <a:pt x="985" y="537"/>
                </a:lnTo>
                <a:lnTo>
                  <a:pt x="1139" y="450"/>
                </a:lnTo>
                <a:lnTo>
                  <a:pt x="1219" y="412"/>
                </a:lnTo>
                <a:lnTo>
                  <a:pt x="1171" y="464"/>
                </a:lnTo>
                <a:lnTo>
                  <a:pt x="1082" y="572"/>
                </a:lnTo>
                <a:lnTo>
                  <a:pt x="1039" y="627"/>
                </a:lnTo>
                <a:lnTo>
                  <a:pt x="1035" y="632"/>
                </a:lnTo>
                <a:lnTo>
                  <a:pt x="1034" y="645"/>
                </a:lnTo>
                <a:lnTo>
                  <a:pt x="1043" y="662"/>
                </a:lnTo>
                <a:lnTo>
                  <a:pt x="1055" y="669"/>
                </a:lnTo>
                <a:lnTo>
                  <a:pt x="1052" y="678"/>
                </a:lnTo>
                <a:lnTo>
                  <a:pt x="1060" y="693"/>
                </a:lnTo>
                <a:lnTo>
                  <a:pt x="1077" y="702"/>
                </a:lnTo>
                <a:lnTo>
                  <a:pt x="1096" y="702"/>
                </a:lnTo>
                <a:lnTo>
                  <a:pt x="1105" y="697"/>
                </a:lnTo>
                <a:lnTo>
                  <a:pt x="1139" y="669"/>
                </a:lnTo>
                <a:lnTo>
                  <a:pt x="1173" y="639"/>
                </a:lnTo>
                <a:lnTo>
                  <a:pt x="1180" y="647"/>
                </a:lnTo>
                <a:lnTo>
                  <a:pt x="1202" y="649"/>
                </a:lnTo>
                <a:lnTo>
                  <a:pt x="1214" y="642"/>
                </a:lnTo>
                <a:lnTo>
                  <a:pt x="1248" y="608"/>
                </a:lnTo>
                <a:lnTo>
                  <a:pt x="1279" y="573"/>
                </a:lnTo>
                <a:lnTo>
                  <a:pt x="1349" y="505"/>
                </a:lnTo>
                <a:lnTo>
                  <a:pt x="1499" y="382"/>
                </a:lnTo>
                <a:lnTo>
                  <a:pt x="1580" y="327"/>
                </a:lnTo>
                <a:lnTo>
                  <a:pt x="1587" y="321"/>
                </a:lnTo>
                <a:lnTo>
                  <a:pt x="1594" y="306"/>
                </a:lnTo>
                <a:lnTo>
                  <a:pt x="1591" y="290"/>
                </a:lnTo>
                <a:lnTo>
                  <a:pt x="1581" y="277"/>
                </a:lnTo>
                <a:lnTo>
                  <a:pt x="1573" y="273"/>
                </a:lnTo>
              </a:path>
            </a:pathLst>
          </a:custGeom>
          <a:solidFill>
            <a:schemeClr val="accent1">
              <a:lumMod val="75000"/>
            </a:schemeClr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35" name="Freeform 100">
            <a:extLst>
              <a:ext uri="{FF2B5EF4-FFF2-40B4-BE49-F238E27FC236}">
                <a16:creationId xmlns:a16="http://schemas.microsoft.com/office/drawing/2014/main" id="{2D6B0CB9-3630-454F-AA05-DEFD5EC08B27}"/>
              </a:ext>
            </a:extLst>
          </p:cNvPr>
          <p:cNvSpPr>
            <a:spLocks/>
          </p:cNvSpPr>
          <p:nvPr/>
        </p:nvSpPr>
        <p:spPr bwMode="auto">
          <a:xfrm rot="16200000">
            <a:off x="3214157" y="3014564"/>
            <a:ext cx="280988" cy="877458"/>
          </a:xfrm>
          <a:custGeom>
            <a:avLst/>
            <a:gdLst>
              <a:gd name="T0" fmla="*/ 624 w 705"/>
              <a:gd name="T1" fmla="*/ 494 h 2533"/>
              <a:gd name="T2" fmla="*/ 488 w 705"/>
              <a:gd name="T3" fmla="*/ 168 h 2533"/>
              <a:gd name="T4" fmla="*/ 431 w 705"/>
              <a:gd name="T5" fmla="*/ 8 h 2533"/>
              <a:gd name="T6" fmla="*/ 400 w 705"/>
              <a:gd name="T7" fmla="*/ 6 h 2533"/>
              <a:gd name="T8" fmla="*/ 391 w 705"/>
              <a:gd name="T9" fmla="*/ 30 h 2533"/>
              <a:gd name="T10" fmla="*/ 396 w 705"/>
              <a:gd name="T11" fmla="*/ 56 h 2533"/>
              <a:gd name="T12" fmla="*/ 396 w 705"/>
              <a:gd name="T13" fmla="*/ 59 h 2533"/>
              <a:gd name="T14" fmla="*/ 392 w 705"/>
              <a:gd name="T15" fmla="*/ 69 h 2533"/>
              <a:gd name="T16" fmla="*/ 386 w 705"/>
              <a:gd name="T17" fmla="*/ 81 h 2533"/>
              <a:gd name="T18" fmla="*/ 379 w 705"/>
              <a:gd name="T19" fmla="*/ 78 h 2533"/>
              <a:gd name="T20" fmla="*/ 377 w 705"/>
              <a:gd name="T21" fmla="*/ 74 h 2533"/>
              <a:gd name="T22" fmla="*/ 378 w 705"/>
              <a:gd name="T23" fmla="*/ 72 h 2533"/>
              <a:gd name="T24" fmla="*/ 375 w 705"/>
              <a:gd name="T25" fmla="*/ 47 h 2533"/>
              <a:gd name="T26" fmla="*/ 346 w 705"/>
              <a:gd name="T27" fmla="*/ 42 h 2533"/>
              <a:gd name="T28" fmla="*/ 339 w 705"/>
              <a:gd name="T29" fmla="*/ 51 h 2533"/>
              <a:gd name="T30" fmla="*/ 330 w 705"/>
              <a:gd name="T31" fmla="*/ 61 h 2533"/>
              <a:gd name="T32" fmla="*/ 300 w 705"/>
              <a:gd name="T33" fmla="*/ 125 h 2533"/>
              <a:gd name="T34" fmla="*/ 220 w 705"/>
              <a:gd name="T35" fmla="*/ 271 h 2533"/>
              <a:gd name="T36" fmla="*/ 124 w 705"/>
              <a:gd name="T37" fmla="*/ 459 h 2533"/>
              <a:gd name="T38" fmla="*/ 2 w 705"/>
              <a:gd name="T39" fmla="*/ 738 h 2533"/>
              <a:gd name="T40" fmla="*/ 7 w 705"/>
              <a:gd name="T41" fmla="*/ 760 h 2533"/>
              <a:gd name="T42" fmla="*/ 37 w 705"/>
              <a:gd name="T43" fmla="*/ 763 h 2533"/>
              <a:gd name="T44" fmla="*/ 49 w 705"/>
              <a:gd name="T45" fmla="*/ 741 h 2533"/>
              <a:gd name="T46" fmla="*/ 57 w 705"/>
              <a:gd name="T47" fmla="*/ 725 h 2533"/>
              <a:gd name="T48" fmla="*/ 54 w 705"/>
              <a:gd name="T49" fmla="*/ 735 h 2533"/>
              <a:gd name="T50" fmla="*/ 51 w 705"/>
              <a:gd name="T51" fmla="*/ 753 h 2533"/>
              <a:gd name="T52" fmla="*/ 75 w 705"/>
              <a:gd name="T53" fmla="*/ 774 h 2533"/>
              <a:gd name="T54" fmla="*/ 94 w 705"/>
              <a:gd name="T55" fmla="*/ 763 h 2533"/>
              <a:gd name="T56" fmla="*/ 121 w 705"/>
              <a:gd name="T57" fmla="*/ 704 h 2533"/>
              <a:gd name="T58" fmla="*/ 130 w 705"/>
              <a:gd name="T59" fmla="*/ 694 h 2533"/>
              <a:gd name="T60" fmla="*/ 155 w 705"/>
              <a:gd name="T61" fmla="*/ 643 h 2533"/>
              <a:gd name="T62" fmla="*/ 158 w 705"/>
              <a:gd name="T63" fmla="*/ 648 h 2533"/>
              <a:gd name="T64" fmla="*/ 175 w 705"/>
              <a:gd name="T65" fmla="*/ 655 h 2533"/>
              <a:gd name="T66" fmla="*/ 182 w 705"/>
              <a:gd name="T67" fmla="*/ 654 h 2533"/>
              <a:gd name="T68" fmla="*/ 193 w 705"/>
              <a:gd name="T69" fmla="*/ 642 h 2533"/>
              <a:gd name="T70" fmla="*/ 181 w 705"/>
              <a:gd name="T71" fmla="*/ 625 h 2533"/>
              <a:gd name="T72" fmla="*/ 182 w 705"/>
              <a:gd name="T73" fmla="*/ 621 h 2533"/>
              <a:gd name="T74" fmla="*/ 224 w 705"/>
              <a:gd name="T75" fmla="*/ 520 h 2533"/>
              <a:gd name="T76" fmla="*/ 250 w 705"/>
              <a:gd name="T77" fmla="*/ 457 h 2533"/>
              <a:gd name="T78" fmla="*/ 307 w 705"/>
              <a:gd name="T79" fmla="*/ 337 h 2533"/>
              <a:gd name="T80" fmla="*/ 346 w 705"/>
              <a:gd name="T81" fmla="*/ 330 h 2533"/>
              <a:gd name="T82" fmla="*/ 326 w 705"/>
              <a:gd name="T83" fmla="*/ 668 h 2533"/>
              <a:gd name="T84" fmla="*/ 327 w 705"/>
              <a:gd name="T85" fmla="*/ 1722 h 2533"/>
              <a:gd name="T86" fmla="*/ 391 w 705"/>
              <a:gd name="T87" fmla="*/ 2511 h 2533"/>
              <a:gd name="T88" fmla="*/ 404 w 705"/>
              <a:gd name="T89" fmla="*/ 2527 h 2533"/>
              <a:gd name="T90" fmla="*/ 426 w 705"/>
              <a:gd name="T91" fmla="*/ 2519 h 2533"/>
              <a:gd name="T92" fmla="*/ 423 w 705"/>
              <a:gd name="T93" fmla="*/ 2472 h 2533"/>
              <a:gd name="T94" fmla="*/ 425 w 705"/>
              <a:gd name="T95" fmla="*/ 2458 h 2533"/>
              <a:gd name="T96" fmla="*/ 464 w 705"/>
              <a:gd name="T97" fmla="*/ 2527 h 2533"/>
              <a:gd name="T98" fmla="*/ 521 w 705"/>
              <a:gd name="T99" fmla="*/ 2524 h 2533"/>
              <a:gd name="T100" fmla="*/ 530 w 705"/>
              <a:gd name="T101" fmla="*/ 2508 h 2533"/>
              <a:gd name="T102" fmla="*/ 510 w 705"/>
              <a:gd name="T103" fmla="*/ 1683 h 2533"/>
              <a:gd name="T104" fmla="*/ 451 w 705"/>
              <a:gd name="T105" fmla="*/ 584 h 2533"/>
              <a:gd name="T106" fmla="*/ 528 w 705"/>
              <a:gd name="T107" fmla="*/ 525 h 2533"/>
              <a:gd name="T108" fmla="*/ 631 w 705"/>
              <a:gd name="T109" fmla="*/ 750 h 2533"/>
              <a:gd name="T110" fmla="*/ 657 w 705"/>
              <a:gd name="T111" fmla="*/ 752 h 2533"/>
              <a:gd name="T112" fmla="*/ 671 w 705"/>
              <a:gd name="T113" fmla="*/ 738 h 2533"/>
              <a:gd name="T114" fmla="*/ 690 w 705"/>
              <a:gd name="T115" fmla="*/ 720 h 2533"/>
              <a:gd name="T116" fmla="*/ 687 w 705"/>
              <a:gd name="T117" fmla="*/ 706 h 2533"/>
              <a:gd name="T118" fmla="*/ 696 w 705"/>
              <a:gd name="T119" fmla="*/ 699 h 2533"/>
              <a:gd name="T120" fmla="*/ 702 w 705"/>
              <a:gd name="T121" fmla="*/ 673 h 2533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  <a:cxn ang="0">
                <a:pos x="T96" y="T97"/>
              </a:cxn>
              <a:cxn ang="0">
                <a:pos x="T98" y="T99"/>
              </a:cxn>
              <a:cxn ang="0">
                <a:pos x="T100" y="T101"/>
              </a:cxn>
              <a:cxn ang="0">
                <a:pos x="T102" y="T103"/>
              </a:cxn>
              <a:cxn ang="0">
                <a:pos x="T104" y="T105"/>
              </a:cxn>
              <a:cxn ang="0">
                <a:pos x="T106" y="T107"/>
              </a:cxn>
              <a:cxn ang="0">
                <a:pos x="T108" y="T109"/>
              </a:cxn>
              <a:cxn ang="0">
                <a:pos x="T110" y="T111"/>
              </a:cxn>
              <a:cxn ang="0">
                <a:pos x="T112" y="T113"/>
              </a:cxn>
              <a:cxn ang="0">
                <a:pos x="T114" y="T115"/>
              </a:cxn>
              <a:cxn ang="0">
                <a:pos x="T116" y="T117"/>
              </a:cxn>
              <a:cxn ang="0">
                <a:pos x="T118" y="T119"/>
              </a:cxn>
              <a:cxn ang="0">
                <a:pos x="T120" y="T121"/>
              </a:cxn>
            </a:cxnLst>
            <a:rect l="0" t="0" r="r" b="b"/>
            <a:pathLst>
              <a:path w="705" h="2533">
                <a:moveTo>
                  <a:pt x="702" y="673"/>
                </a:moveTo>
                <a:lnTo>
                  <a:pt x="624" y="494"/>
                </a:lnTo>
                <a:lnTo>
                  <a:pt x="540" y="317"/>
                </a:lnTo>
                <a:lnTo>
                  <a:pt x="488" y="168"/>
                </a:lnTo>
                <a:lnTo>
                  <a:pt x="436" y="17"/>
                </a:lnTo>
                <a:lnTo>
                  <a:pt x="431" y="8"/>
                </a:lnTo>
                <a:lnTo>
                  <a:pt x="417" y="0"/>
                </a:lnTo>
                <a:lnTo>
                  <a:pt x="400" y="6"/>
                </a:lnTo>
                <a:lnTo>
                  <a:pt x="391" y="20"/>
                </a:lnTo>
                <a:lnTo>
                  <a:pt x="391" y="30"/>
                </a:lnTo>
                <a:lnTo>
                  <a:pt x="394" y="43"/>
                </a:lnTo>
                <a:lnTo>
                  <a:pt x="396" y="56"/>
                </a:lnTo>
                <a:lnTo>
                  <a:pt x="396" y="57"/>
                </a:lnTo>
                <a:lnTo>
                  <a:pt x="396" y="59"/>
                </a:lnTo>
                <a:lnTo>
                  <a:pt x="394" y="64"/>
                </a:lnTo>
                <a:lnTo>
                  <a:pt x="392" y="69"/>
                </a:lnTo>
                <a:lnTo>
                  <a:pt x="390" y="76"/>
                </a:lnTo>
                <a:lnTo>
                  <a:pt x="386" y="81"/>
                </a:lnTo>
                <a:lnTo>
                  <a:pt x="383" y="79"/>
                </a:lnTo>
                <a:lnTo>
                  <a:pt x="379" y="78"/>
                </a:lnTo>
                <a:lnTo>
                  <a:pt x="378" y="77"/>
                </a:lnTo>
                <a:lnTo>
                  <a:pt x="377" y="74"/>
                </a:lnTo>
                <a:lnTo>
                  <a:pt x="378" y="73"/>
                </a:lnTo>
                <a:lnTo>
                  <a:pt x="378" y="72"/>
                </a:lnTo>
                <a:lnTo>
                  <a:pt x="381" y="63"/>
                </a:lnTo>
                <a:lnTo>
                  <a:pt x="375" y="47"/>
                </a:lnTo>
                <a:lnTo>
                  <a:pt x="361" y="38"/>
                </a:lnTo>
                <a:lnTo>
                  <a:pt x="346" y="42"/>
                </a:lnTo>
                <a:lnTo>
                  <a:pt x="340" y="50"/>
                </a:lnTo>
                <a:lnTo>
                  <a:pt x="339" y="51"/>
                </a:lnTo>
                <a:lnTo>
                  <a:pt x="338" y="54"/>
                </a:lnTo>
                <a:lnTo>
                  <a:pt x="330" y="61"/>
                </a:lnTo>
                <a:lnTo>
                  <a:pt x="327" y="73"/>
                </a:lnTo>
                <a:lnTo>
                  <a:pt x="300" y="125"/>
                </a:lnTo>
                <a:lnTo>
                  <a:pt x="274" y="177"/>
                </a:lnTo>
                <a:lnTo>
                  <a:pt x="220" y="271"/>
                </a:lnTo>
                <a:lnTo>
                  <a:pt x="171" y="369"/>
                </a:lnTo>
                <a:lnTo>
                  <a:pt x="124" y="459"/>
                </a:lnTo>
                <a:lnTo>
                  <a:pt x="38" y="643"/>
                </a:lnTo>
                <a:lnTo>
                  <a:pt x="2" y="738"/>
                </a:lnTo>
                <a:lnTo>
                  <a:pt x="0" y="747"/>
                </a:lnTo>
                <a:lnTo>
                  <a:pt x="7" y="760"/>
                </a:lnTo>
                <a:lnTo>
                  <a:pt x="22" y="766"/>
                </a:lnTo>
                <a:lnTo>
                  <a:pt x="37" y="763"/>
                </a:lnTo>
                <a:lnTo>
                  <a:pt x="42" y="756"/>
                </a:lnTo>
                <a:lnTo>
                  <a:pt x="49" y="741"/>
                </a:lnTo>
                <a:lnTo>
                  <a:pt x="57" y="725"/>
                </a:lnTo>
                <a:lnTo>
                  <a:pt x="57" y="725"/>
                </a:lnTo>
                <a:lnTo>
                  <a:pt x="57" y="725"/>
                </a:lnTo>
                <a:lnTo>
                  <a:pt x="54" y="735"/>
                </a:lnTo>
                <a:lnTo>
                  <a:pt x="53" y="744"/>
                </a:lnTo>
                <a:lnTo>
                  <a:pt x="51" y="753"/>
                </a:lnTo>
                <a:lnTo>
                  <a:pt x="60" y="768"/>
                </a:lnTo>
                <a:lnTo>
                  <a:pt x="75" y="774"/>
                </a:lnTo>
                <a:lnTo>
                  <a:pt x="89" y="770"/>
                </a:lnTo>
                <a:lnTo>
                  <a:pt x="94" y="763"/>
                </a:lnTo>
                <a:lnTo>
                  <a:pt x="107" y="733"/>
                </a:lnTo>
                <a:lnTo>
                  <a:pt x="121" y="704"/>
                </a:lnTo>
                <a:lnTo>
                  <a:pt x="127" y="700"/>
                </a:lnTo>
                <a:lnTo>
                  <a:pt x="130" y="694"/>
                </a:lnTo>
                <a:lnTo>
                  <a:pt x="143" y="669"/>
                </a:lnTo>
                <a:lnTo>
                  <a:pt x="155" y="643"/>
                </a:lnTo>
                <a:lnTo>
                  <a:pt x="156" y="646"/>
                </a:lnTo>
                <a:lnTo>
                  <a:pt x="158" y="648"/>
                </a:lnTo>
                <a:lnTo>
                  <a:pt x="164" y="655"/>
                </a:lnTo>
                <a:lnTo>
                  <a:pt x="175" y="655"/>
                </a:lnTo>
                <a:lnTo>
                  <a:pt x="178" y="654"/>
                </a:lnTo>
                <a:lnTo>
                  <a:pt x="182" y="654"/>
                </a:lnTo>
                <a:lnTo>
                  <a:pt x="187" y="651"/>
                </a:lnTo>
                <a:lnTo>
                  <a:pt x="193" y="642"/>
                </a:lnTo>
                <a:lnTo>
                  <a:pt x="190" y="632"/>
                </a:lnTo>
                <a:lnTo>
                  <a:pt x="181" y="625"/>
                </a:lnTo>
                <a:lnTo>
                  <a:pt x="175" y="625"/>
                </a:lnTo>
                <a:lnTo>
                  <a:pt x="182" y="621"/>
                </a:lnTo>
                <a:lnTo>
                  <a:pt x="200" y="588"/>
                </a:lnTo>
                <a:lnTo>
                  <a:pt x="224" y="520"/>
                </a:lnTo>
                <a:lnTo>
                  <a:pt x="233" y="494"/>
                </a:lnTo>
                <a:lnTo>
                  <a:pt x="250" y="457"/>
                </a:lnTo>
                <a:lnTo>
                  <a:pt x="267" y="419"/>
                </a:lnTo>
                <a:lnTo>
                  <a:pt x="307" y="337"/>
                </a:lnTo>
                <a:lnTo>
                  <a:pt x="348" y="254"/>
                </a:lnTo>
                <a:lnTo>
                  <a:pt x="346" y="330"/>
                </a:lnTo>
                <a:lnTo>
                  <a:pt x="343" y="405"/>
                </a:lnTo>
                <a:lnTo>
                  <a:pt x="326" y="668"/>
                </a:lnTo>
                <a:lnTo>
                  <a:pt x="315" y="1195"/>
                </a:lnTo>
                <a:lnTo>
                  <a:pt x="327" y="1722"/>
                </a:lnTo>
                <a:lnTo>
                  <a:pt x="364" y="2248"/>
                </a:lnTo>
                <a:lnTo>
                  <a:pt x="391" y="2511"/>
                </a:lnTo>
                <a:lnTo>
                  <a:pt x="394" y="2519"/>
                </a:lnTo>
                <a:lnTo>
                  <a:pt x="404" y="2527"/>
                </a:lnTo>
                <a:lnTo>
                  <a:pt x="417" y="2527"/>
                </a:lnTo>
                <a:lnTo>
                  <a:pt x="426" y="2519"/>
                </a:lnTo>
                <a:lnTo>
                  <a:pt x="427" y="2511"/>
                </a:lnTo>
                <a:lnTo>
                  <a:pt x="423" y="2472"/>
                </a:lnTo>
                <a:lnTo>
                  <a:pt x="420" y="2433"/>
                </a:lnTo>
                <a:lnTo>
                  <a:pt x="425" y="2458"/>
                </a:lnTo>
                <a:lnTo>
                  <a:pt x="440" y="2499"/>
                </a:lnTo>
                <a:lnTo>
                  <a:pt x="464" y="2527"/>
                </a:lnTo>
                <a:lnTo>
                  <a:pt x="499" y="2533"/>
                </a:lnTo>
                <a:lnTo>
                  <a:pt x="521" y="2524"/>
                </a:lnTo>
                <a:lnTo>
                  <a:pt x="528" y="2518"/>
                </a:lnTo>
                <a:lnTo>
                  <a:pt x="530" y="2508"/>
                </a:lnTo>
                <a:lnTo>
                  <a:pt x="526" y="2232"/>
                </a:lnTo>
                <a:lnTo>
                  <a:pt x="510" y="1683"/>
                </a:lnTo>
                <a:lnTo>
                  <a:pt x="486" y="1133"/>
                </a:lnTo>
                <a:lnTo>
                  <a:pt x="451" y="584"/>
                </a:lnTo>
                <a:lnTo>
                  <a:pt x="431" y="309"/>
                </a:lnTo>
                <a:lnTo>
                  <a:pt x="528" y="525"/>
                </a:lnTo>
                <a:lnTo>
                  <a:pt x="627" y="742"/>
                </a:lnTo>
                <a:lnTo>
                  <a:pt x="631" y="750"/>
                </a:lnTo>
                <a:lnTo>
                  <a:pt x="644" y="755"/>
                </a:lnTo>
                <a:lnTo>
                  <a:pt x="657" y="752"/>
                </a:lnTo>
                <a:lnTo>
                  <a:pt x="668" y="744"/>
                </a:lnTo>
                <a:lnTo>
                  <a:pt x="671" y="738"/>
                </a:lnTo>
                <a:lnTo>
                  <a:pt x="680" y="735"/>
                </a:lnTo>
                <a:lnTo>
                  <a:pt x="690" y="720"/>
                </a:lnTo>
                <a:lnTo>
                  <a:pt x="688" y="708"/>
                </a:lnTo>
                <a:lnTo>
                  <a:pt x="687" y="706"/>
                </a:lnTo>
                <a:lnTo>
                  <a:pt x="687" y="703"/>
                </a:lnTo>
                <a:lnTo>
                  <a:pt x="696" y="699"/>
                </a:lnTo>
                <a:lnTo>
                  <a:pt x="705" y="685"/>
                </a:lnTo>
                <a:lnTo>
                  <a:pt x="702" y="673"/>
                </a:lnTo>
              </a:path>
            </a:pathLst>
          </a:custGeom>
          <a:solidFill>
            <a:schemeClr val="accent1">
              <a:lumMod val="75000"/>
            </a:schemeClr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37" name="Freeform 143">
            <a:extLst>
              <a:ext uri="{FF2B5EF4-FFF2-40B4-BE49-F238E27FC236}">
                <a16:creationId xmlns:a16="http://schemas.microsoft.com/office/drawing/2014/main" id="{62729B96-704A-44F7-817D-743DB7EE341C}"/>
              </a:ext>
            </a:extLst>
          </p:cNvPr>
          <p:cNvSpPr>
            <a:spLocks/>
          </p:cNvSpPr>
          <p:nvPr/>
        </p:nvSpPr>
        <p:spPr bwMode="auto">
          <a:xfrm rot="9000000" flipH="1">
            <a:off x="7942675" y="4303638"/>
            <a:ext cx="571892" cy="1136400"/>
          </a:xfrm>
          <a:custGeom>
            <a:avLst/>
            <a:gdLst>
              <a:gd name="T0" fmla="*/ 1563 w 1594"/>
              <a:gd name="T1" fmla="*/ 270 h 2645"/>
              <a:gd name="T2" fmla="*/ 1576 w 1594"/>
              <a:gd name="T3" fmla="*/ 235 h 2645"/>
              <a:gd name="T4" fmla="*/ 1548 w 1594"/>
              <a:gd name="T5" fmla="*/ 213 h 2645"/>
              <a:gd name="T6" fmla="*/ 1528 w 1594"/>
              <a:gd name="T7" fmla="*/ 192 h 2645"/>
              <a:gd name="T8" fmla="*/ 1494 w 1594"/>
              <a:gd name="T9" fmla="*/ 192 h 2645"/>
              <a:gd name="T10" fmla="*/ 1145 w 1594"/>
              <a:gd name="T11" fmla="*/ 62 h 2645"/>
              <a:gd name="T12" fmla="*/ 1079 w 1594"/>
              <a:gd name="T13" fmla="*/ 40 h 2645"/>
              <a:gd name="T14" fmla="*/ 969 w 1594"/>
              <a:gd name="T15" fmla="*/ 0 h 2645"/>
              <a:gd name="T16" fmla="*/ 943 w 1594"/>
              <a:gd name="T17" fmla="*/ 31 h 2645"/>
              <a:gd name="T18" fmla="*/ 932 w 1594"/>
              <a:gd name="T19" fmla="*/ 30 h 2645"/>
              <a:gd name="T20" fmla="*/ 924 w 1594"/>
              <a:gd name="T21" fmla="*/ 28 h 2645"/>
              <a:gd name="T22" fmla="*/ 900 w 1594"/>
              <a:gd name="T23" fmla="*/ 40 h 2645"/>
              <a:gd name="T24" fmla="*/ 885 w 1594"/>
              <a:gd name="T25" fmla="*/ 38 h 2645"/>
              <a:gd name="T26" fmla="*/ 871 w 1594"/>
              <a:gd name="T27" fmla="*/ 91 h 2645"/>
              <a:gd name="T28" fmla="*/ 1103 w 1594"/>
              <a:gd name="T29" fmla="*/ 172 h 2645"/>
              <a:gd name="T30" fmla="*/ 1141 w 1594"/>
              <a:gd name="T31" fmla="*/ 193 h 2645"/>
              <a:gd name="T32" fmla="*/ 1284 w 1594"/>
              <a:gd name="T33" fmla="*/ 236 h 2645"/>
              <a:gd name="T34" fmla="*/ 926 w 1594"/>
              <a:gd name="T35" fmla="*/ 378 h 2645"/>
              <a:gd name="T36" fmla="*/ 567 w 1594"/>
              <a:gd name="T37" fmla="*/ 673 h 2645"/>
              <a:gd name="T38" fmla="*/ 344 w 1594"/>
              <a:gd name="T39" fmla="*/ 991 h 2645"/>
              <a:gd name="T40" fmla="*/ 220 w 1594"/>
              <a:gd name="T41" fmla="*/ 1286 h 2645"/>
              <a:gd name="T42" fmla="*/ 58 w 1594"/>
              <a:gd name="T43" fmla="*/ 1689 h 2645"/>
              <a:gd name="T44" fmla="*/ 1 w 1594"/>
              <a:gd name="T45" fmla="*/ 2202 h 2645"/>
              <a:gd name="T46" fmla="*/ 61 w 1594"/>
              <a:gd name="T47" fmla="*/ 2495 h 2645"/>
              <a:gd name="T48" fmla="*/ 115 w 1594"/>
              <a:gd name="T49" fmla="*/ 2618 h 2645"/>
              <a:gd name="T50" fmla="*/ 138 w 1594"/>
              <a:gd name="T51" fmla="*/ 2608 h 2645"/>
              <a:gd name="T52" fmla="*/ 83 w 1594"/>
              <a:gd name="T53" fmla="*/ 2438 h 2645"/>
              <a:gd name="T54" fmla="*/ 143 w 1594"/>
              <a:gd name="T55" fmla="*/ 2543 h 2645"/>
              <a:gd name="T56" fmla="*/ 213 w 1594"/>
              <a:gd name="T57" fmla="*/ 2643 h 2645"/>
              <a:gd name="T58" fmla="*/ 250 w 1594"/>
              <a:gd name="T59" fmla="*/ 2627 h 2645"/>
              <a:gd name="T60" fmla="*/ 277 w 1594"/>
              <a:gd name="T61" fmla="*/ 2623 h 2645"/>
              <a:gd name="T62" fmla="*/ 290 w 1594"/>
              <a:gd name="T63" fmla="*/ 2587 h 2645"/>
              <a:gd name="T64" fmla="*/ 216 w 1594"/>
              <a:gd name="T65" fmla="*/ 2422 h 2645"/>
              <a:gd name="T66" fmla="*/ 176 w 1594"/>
              <a:gd name="T67" fmla="*/ 1975 h 2645"/>
              <a:gd name="T68" fmla="*/ 203 w 1594"/>
              <a:gd name="T69" fmla="*/ 1633 h 2645"/>
              <a:gd name="T70" fmla="*/ 335 w 1594"/>
              <a:gd name="T71" fmla="*/ 1313 h 2645"/>
              <a:gd name="T72" fmla="*/ 531 w 1594"/>
              <a:gd name="T73" fmla="*/ 1007 h 2645"/>
              <a:gd name="T74" fmla="*/ 828 w 1594"/>
              <a:gd name="T75" fmla="*/ 660 h 2645"/>
              <a:gd name="T76" fmla="*/ 985 w 1594"/>
              <a:gd name="T77" fmla="*/ 537 h 2645"/>
              <a:gd name="T78" fmla="*/ 1171 w 1594"/>
              <a:gd name="T79" fmla="*/ 464 h 2645"/>
              <a:gd name="T80" fmla="*/ 1035 w 1594"/>
              <a:gd name="T81" fmla="*/ 632 h 2645"/>
              <a:gd name="T82" fmla="*/ 1055 w 1594"/>
              <a:gd name="T83" fmla="*/ 669 h 2645"/>
              <a:gd name="T84" fmla="*/ 1077 w 1594"/>
              <a:gd name="T85" fmla="*/ 702 h 2645"/>
              <a:gd name="T86" fmla="*/ 1139 w 1594"/>
              <a:gd name="T87" fmla="*/ 669 h 2645"/>
              <a:gd name="T88" fmla="*/ 1202 w 1594"/>
              <a:gd name="T89" fmla="*/ 649 h 2645"/>
              <a:gd name="T90" fmla="*/ 1279 w 1594"/>
              <a:gd name="T91" fmla="*/ 573 h 2645"/>
              <a:gd name="T92" fmla="*/ 1580 w 1594"/>
              <a:gd name="T93" fmla="*/ 327 h 2645"/>
              <a:gd name="T94" fmla="*/ 1591 w 1594"/>
              <a:gd name="T95" fmla="*/ 290 h 2645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</a:cxnLst>
            <a:rect l="0" t="0" r="r" b="b"/>
            <a:pathLst>
              <a:path w="1594" h="2645">
                <a:moveTo>
                  <a:pt x="1573" y="273"/>
                </a:moveTo>
                <a:lnTo>
                  <a:pt x="1568" y="271"/>
                </a:lnTo>
                <a:lnTo>
                  <a:pt x="1563" y="270"/>
                </a:lnTo>
                <a:lnTo>
                  <a:pt x="1569" y="266"/>
                </a:lnTo>
                <a:lnTo>
                  <a:pt x="1577" y="251"/>
                </a:lnTo>
                <a:lnTo>
                  <a:pt x="1576" y="235"/>
                </a:lnTo>
                <a:lnTo>
                  <a:pt x="1567" y="220"/>
                </a:lnTo>
                <a:lnTo>
                  <a:pt x="1558" y="215"/>
                </a:lnTo>
                <a:lnTo>
                  <a:pt x="1548" y="213"/>
                </a:lnTo>
                <a:lnTo>
                  <a:pt x="1539" y="209"/>
                </a:lnTo>
                <a:lnTo>
                  <a:pt x="1537" y="202"/>
                </a:lnTo>
                <a:lnTo>
                  <a:pt x="1528" y="192"/>
                </a:lnTo>
                <a:lnTo>
                  <a:pt x="1515" y="187"/>
                </a:lnTo>
                <a:lnTo>
                  <a:pt x="1501" y="188"/>
                </a:lnTo>
                <a:lnTo>
                  <a:pt x="1494" y="192"/>
                </a:lnTo>
                <a:lnTo>
                  <a:pt x="1345" y="137"/>
                </a:lnTo>
                <a:lnTo>
                  <a:pt x="1196" y="83"/>
                </a:lnTo>
                <a:lnTo>
                  <a:pt x="1145" y="62"/>
                </a:lnTo>
                <a:lnTo>
                  <a:pt x="1095" y="41"/>
                </a:lnTo>
                <a:lnTo>
                  <a:pt x="1087" y="39"/>
                </a:lnTo>
                <a:lnTo>
                  <a:pt x="1079" y="40"/>
                </a:lnTo>
                <a:lnTo>
                  <a:pt x="1029" y="21"/>
                </a:lnTo>
                <a:lnTo>
                  <a:pt x="977" y="3"/>
                </a:lnTo>
                <a:lnTo>
                  <a:pt x="969" y="0"/>
                </a:lnTo>
                <a:lnTo>
                  <a:pt x="956" y="3"/>
                </a:lnTo>
                <a:lnTo>
                  <a:pt x="943" y="18"/>
                </a:lnTo>
                <a:lnTo>
                  <a:pt x="943" y="31"/>
                </a:lnTo>
                <a:lnTo>
                  <a:pt x="937" y="31"/>
                </a:lnTo>
                <a:lnTo>
                  <a:pt x="932" y="30"/>
                </a:lnTo>
                <a:lnTo>
                  <a:pt x="932" y="30"/>
                </a:lnTo>
                <a:lnTo>
                  <a:pt x="932" y="30"/>
                </a:lnTo>
                <a:lnTo>
                  <a:pt x="928" y="30"/>
                </a:lnTo>
                <a:lnTo>
                  <a:pt x="924" y="28"/>
                </a:lnTo>
                <a:lnTo>
                  <a:pt x="916" y="28"/>
                </a:lnTo>
                <a:lnTo>
                  <a:pt x="904" y="35"/>
                </a:lnTo>
                <a:lnTo>
                  <a:pt x="900" y="40"/>
                </a:lnTo>
                <a:lnTo>
                  <a:pt x="899" y="40"/>
                </a:lnTo>
                <a:lnTo>
                  <a:pt x="898" y="40"/>
                </a:lnTo>
                <a:lnTo>
                  <a:pt x="885" y="38"/>
                </a:lnTo>
                <a:lnTo>
                  <a:pt x="867" y="49"/>
                </a:lnTo>
                <a:lnTo>
                  <a:pt x="862" y="70"/>
                </a:lnTo>
                <a:lnTo>
                  <a:pt x="871" y="91"/>
                </a:lnTo>
                <a:lnTo>
                  <a:pt x="882" y="96"/>
                </a:lnTo>
                <a:lnTo>
                  <a:pt x="992" y="135"/>
                </a:lnTo>
                <a:lnTo>
                  <a:pt x="1103" y="172"/>
                </a:lnTo>
                <a:lnTo>
                  <a:pt x="1110" y="180"/>
                </a:lnTo>
                <a:lnTo>
                  <a:pt x="1132" y="190"/>
                </a:lnTo>
                <a:lnTo>
                  <a:pt x="1141" y="193"/>
                </a:lnTo>
                <a:lnTo>
                  <a:pt x="1149" y="189"/>
                </a:lnTo>
                <a:lnTo>
                  <a:pt x="1217" y="213"/>
                </a:lnTo>
                <a:lnTo>
                  <a:pt x="1284" y="236"/>
                </a:lnTo>
                <a:lnTo>
                  <a:pt x="1209" y="255"/>
                </a:lnTo>
                <a:lnTo>
                  <a:pt x="1064" y="308"/>
                </a:lnTo>
                <a:lnTo>
                  <a:pt x="926" y="378"/>
                </a:lnTo>
                <a:lnTo>
                  <a:pt x="797" y="464"/>
                </a:lnTo>
                <a:lnTo>
                  <a:pt x="677" y="562"/>
                </a:lnTo>
                <a:lnTo>
                  <a:pt x="567" y="673"/>
                </a:lnTo>
                <a:lnTo>
                  <a:pt x="469" y="793"/>
                </a:lnTo>
                <a:lnTo>
                  <a:pt x="382" y="923"/>
                </a:lnTo>
                <a:lnTo>
                  <a:pt x="344" y="991"/>
                </a:lnTo>
                <a:lnTo>
                  <a:pt x="308" y="1063"/>
                </a:lnTo>
                <a:lnTo>
                  <a:pt x="246" y="1211"/>
                </a:lnTo>
                <a:lnTo>
                  <a:pt x="220" y="1286"/>
                </a:lnTo>
                <a:lnTo>
                  <a:pt x="181" y="1362"/>
                </a:lnTo>
                <a:lnTo>
                  <a:pt x="112" y="1522"/>
                </a:lnTo>
                <a:lnTo>
                  <a:pt x="58" y="1689"/>
                </a:lnTo>
                <a:lnTo>
                  <a:pt x="20" y="1859"/>
                </a:lnTo>
                <a:lnTo>
                  <a:pt x="0" y="2031"/>
                </a:lnTo>
                <a:lnTo>
                  <a:pt x="1" y="2202"/>
                </a:lnTo>
                <a:lnTo>
                  <a:pt x="18" y="2329"/>
                </a:lnTo>
                <a:lnTo>
                  <a:pt x="36" y="2413"/>
                </a:lnTo>
                <a:lnTo>
                  <a:pt x="61" y="2495"/>
                </a:lnTo>
                <a:lnTo>
                  <a:pt x="93" y="2574"/>
                </a:lnTo>
                <a:lnTo>
                  <a:pt x="111" y="2614"/>
                </a:lnTo>
                <a:lnTo>
                  <a:pt x="115" y="2618"/>
                </a:lnTo>
                <a:lnTo>
                  <a:pt x="124" y="2621"/>
                </a:lnTo>
                <a:lnTo>
                  <a:pt x="134" y="2617"/>
                </a:lnTo>
                <a:lnTo>
                  <a:pt x="138" y="2608"/>
                </a:lnTo>
                <a:lnTo>
                  <a:pt x="137" y="2603"/>
                </a:lnTo>
                <a:lnTo>
                  <a:pt x="116" y="2548"/>
                </a:lnTo>
                <a:lnTo>
                  <a:pt x="83" y="2438"/>
                </a:lnTo>
                <a:lnTo>
                  <a:pt x="70" y="2382"/>
                </a:lnTo>
                <a:lnTo>
                  <a:pt x="94" y="2447"/>
                </a:lnTo>
                <a:lnTo>
                  <a:pt x="143" y="2543"/>
                </a:lnTo>
                <a:lnTo>
                  <a:pt x="185" y="2605"/>
                </a:lnTo>
                <a:lnTo>
                  <a:pt x="208" y="2636"/>
                </a:lnTo>
                <a:lnTo>
                  <a:pt x="213" y="2643"/>
                </a:lnTo>
                <a:lnTo>
                  <a:pt x="228" y="2645"/>
                </a:lnTo>
                <a:lnTo>
                  <a:pt x="241" y="2639"/>
                </a:lnTo>
                <a:lnTo>
                  <a:pt x="250" y="2627"/>
                </a:lnTo>
                <a:lnTo>
                  <a:pt x="251" y="2619"/>
                </a:lnTo>
                <a:lnTo>
                  <a:pt x="260" y="2625"/>
                </a:lnTo>
                <a:lnTo>
                  <a:pt x="277" y="2623"/>
                </a:lnTo>
                <a:lnTo>
                  <a:pt x="290" y="2613"/>
                </a:lnTo>
                <a:lnTo>
                  <a:pt x="294" y="2597"/>
                </a:lnTo>
                <a:lnTo>
                  <a:pt x="290" y="2587"/>
                </a:lnTo>
                <a:lnTo>
                  <a:pt x="268" y="2547"/>
                </a:lnTo>
                <a:lnTo>
                  <a:pt x="232" y="2464"/>
                </a:lnTo>
                <a:lnTo>
                  <a:pt x="216" y="2422"/>
                </a:lnTo>
                <a:lnTo>
                  <a:pt x="202" y="2333"/>
                </a:lnTo>
                <a:lnTo>
                  <a:pt x="184" y="2155"/>
                </a:lnTo>
                <a:lnTo>
                  <a:pt x="176" y="1975"/>
                </a:lnTo>
                <a:lnTo>
                  <a:pt x="181" y="1796"/>
                </a:lnTo>
                <a:lnTo>
                  <a:pt x="189" y="1707"/>
                </a:lnTo>
                <a:lnTo>
                  <a:pt x="203" y="1633"/>
                </a:lnTo>
                <a:lnTo>
                  <a:pt x="223" y="1560"/>
                </a:lnTo>
                <a:lnTo>
                  <a:pt x="255" y="1476"/>
                </a:lnTo>
                <a:lnTo>
                  <a:pt x="335" y="1313"/>
                </a:lnTo>
                <a:lnTo>
                  <a:pt x="381" y="1235"/>
                </a:lnTo>
                <a:lnTo>
                  <a:pt x="429" y="1159"/>
                </a:lnTo>
                <a:lnTo>
                  <a:pt x="531" y="1007"/>
                </a:lnTo>
                <a:lnTo>
                  <a:pt x="644" y="862"/>
                </a:lnTo>
                <a:lnTo>
                  <a:pt x="764" y="724"/>
                </a:lnTo>
                <a:lnTo>
                  <a:pt x="828" y="660"/>
                </a:lnTo>
                <a:lnTo>
                  <a:pt x="869" y="622"/>
                </a:lnTo>
                <a:lnTo>
                  <a:pt x="912" y="586"/>
                </a:lnTo>
                <a:lnTo>
                  <a:pt x="985" y="537"/>
                </a:lnTo>
                <a:lnTo>
                  <a:pt x="1139" y="450"/>
                </a:lnTo>
                <a:lnTo>
                  <a:pt x="1219" y="412"/>
                </a:lnTo>
                <a:lnTo>
                  <a:pt x="1171" y="464"/>
                </a:lnTo>
                <a:lnTo>
                  <a:pt x="1082" y="572"/>
                </a:lnTo>
                <a:lnTo>
                  <a:pt x="1039" y="627"/>
                </a:lnTo>
                <a:lnTo>
                  <a:pt x="1035" y="632"/>
                </a:lnTo>
                <a:lnTo>
                  <a:pt x="1034" y="645"/>
                </a:lnTo>
                <a:lnTo>
                  <a:pt x="1043" y="662"/>
                </a:lnTo>
                <a:lnTo>
                  <a:pt x="1055" y="669"/>
                </a:lnTo>
                <a:lnTo>
                  <a:pt x="1052" y="678"/>
                </a:lnTo>
                <a:lnTo>
                  <a:pt x="1060" y="693"/>
                </a:lnTo>
                <a:lnTo>
                  <a:pt x="1077" y="702"/>
                </a:lnTo>
                <a:lnTo>
                  <a:pt x="1096" y="702"/>
                </a:lnTo>
                <a:lnTo>
                  <a:pt x="1105" y="697"/>
                </a:lnTo>
                <a:lnTo>
                  <a:pt x="1139" y="669"/>
                </a:lnTo>
                <a:lnTo>
                  <a:pt x="1173" y="639"/>
                </a:lnTo>
                <a:lnTo>
                  <a:pt x="1180" y="647"/>
                </a:lnTo>
                <a:lnTo>
                  <a:pt x="1202" y="649"/>
                </a:lnTo>
                <a:lnTo>
                  <a:pt x="1214" y="642"/>
                </a:lnTo>
                <a:lnTo>
                  <a:pt x="1248" y="608"/>
                </a:lnTo>
                <a:lnTo>
                  <a:pt x="1279" y="573"/>
                </a:lnTo>
                <a:lnTo>
                  <a:pt x="1349" y="505"/>
                </a:lnTo>
                <a:lnTo>
                  <a:pt x="1499" y="382"/>
                </a:lnTo>
                <a:lnTo>
                  <a:pt x="1580" y="327"/>
                </a:lnTo>
                <a:lnTo>
                  <a:pt x="1587" y="321"/>
                </a:lnTo>
                <a:lnTo>
                  <a:pt x="1594" y="306"/>
                </a:lnTo>
                <a:lnTo>
                  <a:pt x="1591" y="290"/>
                </a:lnTo>
                <a:lnTo>
                  <a:pt x="1581" y="277"/>
                </a:lnTo>
                <a:lnTo>
                  <a:pt x="1573" y="273"/>
                </a:lnTo>
              </a:path>
            </a:pathLst>
          </a:custGeom>
          <a:solidFill>
            <a:schemeClr val="accent1">
              <a:lumMod val="75000"/>
            </a:schemeClr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38" name="Freeform 100">
            <a:extLst>
              <a:ext uri="{FF2B5EF4-FFF2-40B4-BE49-F238E27FC236}">
                <a16:creationId xmlns:a16="http://schemas.microsoft.com/office/drawing/2014/main" id="{5854C37D-9D2E-4E75-8D78-076D1A3F3888}"/>
              </a:ext>
            </a:extLst>
          </p:cNvPr>
          <p:cNvSpPr>
            <a:spLocks/>
          </p:cNvSpPr>
          <p:nvPr/>
        </p:nvSpPr>
        <p:spPr bwMode="auto">
          <a:xfrm rot="5400000">
            <a:off x="8389349" y="2996450"/>
            <a:ext cx="280988" cy="904775"/>
          </a:xfrm>
          <a:custGeom>
            <a:avLst/>
            <a:gdLst>
              <a:gd name="T0" fmla="*/ 624 w 705"/>
              <a:gd name="T1" fmla="*/ 494 h 2533"/>
              <a:gd name="T2" fmla="*/ 488 w 705"/>
              <a:gd name="T3" fmla="*/ 168 h 2533"/>
              <a:gd name="T4" fmla="*/ 431 w 705"/>
              <a:gd name="T5" fmla="*/ 8 h 2533"/>
              <a:gd name="T6" fmla="*/ 400 w 705"/>
              <a:gd name="T7" fmla="*/ 6 h 2533"/>
              <a:gd name="T8" fmla="*/ 391 w 705"/>
              <a:gd name="T9" fmla="*/ 30 h 2533"/>
              <a:gd name="T10" fmla="*/ 396 w 705"/>
              <a:gd name="T11" fmla="*/ 56 h 2533"/>
              <a:gd name="T12" fmla="*/ 396 w 705"/>
              <a:gd name="T13" fmla="*/ 59 h 2533"/>
              <a:gd name="T14" fmla="*/ 392 w 705"/>
              <a:gd name="T15" fmla="*/ 69 h 2533"/>
              <a:gd name="T16" fmla="*/ 386 w 705"/>
              <a:gd name="T17" fmla="*/ 81 h 2533"/>
              <a:gd name="T18" fmla="*/ 379 w 705"/>
              <a:gd name="T19" fmla="*/ 78 h 2533"/>
              <a:gd name="T20" fmla="*/ 377 w 705"/>
              <a:gd name="T21" fmla="*/ 74 h 2533"/>
              <a:gd name="T22" fmla="*/ 378 w 705"/>
              <a:gd name="T23" fmla="*/ 72 h 2533"/>
              <a:gd name="T24" fmla="*/ 375 w 705"/>
              <a:gd name="T25" fmla="*/ 47 h 2533"/>
              <a:gd name="T26" fmla="*/ 346 w 705"/>
              <a:gd name="T27" fmla="*/ 42 h 2533"/>
              <a:gd name="T28" fmla="*/ 339 w 705"/>
              <a:gd name="T29" fmla="*/ 51 h 2533"/>
              <a:gd name="T30" fmla="*/ 330 w 705"/>
              <a:gd name="T31" fmla="*/ 61 h 2533"/>
              <a:gd name="T32" fmla="*/ 300 w 705"/>
              <a:gd name="T33" fmla="*/ 125 h 2533"/>
              <a:gd name="T34" fmla="*/ 220 w 705"/>
              <a:gd name="T35" fmla="*/ 271 h 2533"/>
              <a:gd name="T36" fmla="*/ 124 w 705"/>
              <a:gd name="T37" fmla="*/ 459 h 2533"/>
              <a:gd name="T38" fmla="*/ 2 w 705"/>
              <a:gd name="T39" fmla="*/ 738 h 2533"/>
              <a:gd name="T40" fmla="*/ 7 w 705"/>
              <a:gd name="T41" fmla="*/ 760 h 2533"/>
              <a:gd name="T42" fmla="*/ 37 w 705"/>
              <a:gd name="T43" fmla="*/ 763 h 2533"/>
              <a:gd name="T44" fmla="*/ 49 w 705"/>
              <a:gd name="T45" fmla="*/ 741 h 2533"/>
              <a:gd name="T46" fmla="*/ 57 w 705"/>
              <a:gd name="T47" fmla="*/ 725 h 2533"/>
              <a:gd name="T48" fmla="*/ 54 w 705"/>
              <a:gd name="T49" fmla="*/ 735 h 2533"/>
              <a:gd name="T50" fmla="*/ 51 w 705"/>
              <a:gd name="T51" fmla="*/ 753 h 2533"/>
              <a:gd name="T52" fmla="*/ 75 w 705"/>
              <a:gd name="T53" fmla="*/ 774 h 2533"/>
              <a:gd name="T54" fmla="*/ 94 w 705"/>
              <a:gd name="T55" fmla="*/ 763 h 2533"/>
              <a:gd name="T56" fmla="*/ 121 w 705"/>
              <a:gd name="T57" fmla="*/ 704 h 2533"/>
              <a:gd name="T58" fmla="*/ 130 w 705"/>
              <a:gd name="T59" fmla="*/ 694 h 2533"/>
              <a:gd name="T60" fmla="*/ 155 w 705"/>
              <a:gd name="T61" fmla="*/ 643 h 2533"/>
              <a:gd name="T62" fmla="*/ 158 w 705"/>
              <a:gd name="T63" fmla="*/ 648 h 2533"/>
              <a:gd name="T64" fmla="*/ 175 w 705"/>
              <a:gd name="T65" fmla="*/ 655 h 2533"/>
              <a:gd name="T66" fmla="*/ 182 w 705"/>
              <a:gd name="T67" fmla="*/ 654 h 2533"/>
              <a:gd name="T68" fmla="*/ 193 w 705"/>
              <a:gd name="T69" fmla="*/ 642 h 2533"/>
              <a:gd name="T70" fmla="*/ 181 w 705"/>
              <a:gd name="T71" fmla="*/ 625 h 2533"/>
              <a:gd name="T72" fmla="*/ 182 w 705"/>
              <a:gd name="T73" fmla="*/ 621 h 2533"/>
              <a:gd name="T74" fmla="*/ 224 w 705"/>
              <a:gd name="T75" fmla="*/ 520 h 2533"/>
              <a:gd name="T76" fmla="*/ 250 w 705"/>
              <a:gd name="T77" fmla="*/ 457 h 2533"/>
              <a:gd name="T78" fmla="*/ 307 w 705"/>
              <a:gd name="T79" fmla="*/ 337 h 2533"/>
              <a:gd name="T80" fmla="*/ 346 w 705"/>
              <a:gd name="T81" fmla="*/ 330 h 2533"/>
              <a:gd name="T82" fmla="*/ 326 w 705"/>
              <a:gd name="T83" fmla="*/ 668 h 2533"/>
              <a:gd name="T84" fmla="*/ 327 w 705"/>
              <a:gd name="T85" fmla="*/ 1722 h 2533"/>
              <a:gd name="T86" fmla="*/ 391 w 705"/>
              <a:gd name="T87" fmla="*/ 2511 h 2533"/>
              <a:gd name="T88" fmla="*/ 404 w 705"/>
              <a:gd name="T89" fmla="*/ 2527 h 2533"/>
              <a:gd name="T90" fmla="*/ 426 w 705"/>
              <a:gd name="T91" fmla="*/ 2519 h 2533"/>
              <a:gd name="T92" fmla="*/ 423 w 705"/>
              <a:gd name="T93" fmla="*/ 2472 h 2533"/>
              <a:gd name="T94" fmla="*/ 425 w 705"/>
              <a:gd name="T95" fmla="*/ 2458 h 2533"/>
              <a:gd name="T96" fmla="*/ 464 w 705"/>
              <a:gd name="T97" fmla="*/ 2527 h 2533"/>
              <a:gd name="T98" fmla="*/ 521 w 705"/>
              <a:gd name="T99" fmla="*/ 2524 h 2533"/>
              <a:gd name="T100" fmla="*/ 530 w 705"/>
              <a:gd name="T101" fmla="*/ 2508 h 2533"/>
              <a:gd name="T102" fmla="*/ 510 w 705"/>
              <a:gd name="T103" fmla="*/ 1683 h 2533"/>
              <a:gd name="T104" fmla="*/ 451 w 705"/>
              <a:gd name="T105" fmla="*/ 584 h 2533"/>
              <a:gd name="T106" fmla="*/ 528 w 705"/>
              <a:gd name="T107" fmla="*/ 525 h 2533"/>
              <a:gd name="T108" fmla="*/ 631 w 705"/>
              <a:gd name="T109" fmla="*/ 750 h 2533"/>
              <a:gd name="T110" fmla="*/ 657 w 705"/>
              <a:gd name="T111" fmla="*/ 752 h 2533"/>
              <a:gd name="T112" fmla="*/ 671 w 705"/>
              <a:gd name="T113" fmla="*/ 738 h 2533"/>
              <a:gd name="T114" fmla="*/ 690 w 705"/>
              <a:gd name="T115" fmla="*/ 720 h 2533"/>
              <a:gd name="T116" fmla="*/ 687 w 705"/>
              <a:gd name="T117" fmla="*/ 706 h 2533"/>
              <a:gd name="T118" fmla="*/ 696 w 705"/>
              <a:gd name="T119" fmla="*/ 699 h 2533"/>
              <a:gd name="T120" fmla="*/ 702 w 705"/>
              <a:gd name="T121" fmla="*/ 673 h 2533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  <a:cxn ang="0">
                <a:pos x="T96" y="T97"/>
              </a:cxn>
              <a:cxn ang="0">
                <a:pos x="T98" y="T99"/>
              </a:cxn>
              <a:cxn ang="0">
                <a:pos x="T100" y="T101"/>
              </a:cxn>
              <a:cxn ang="0">
                <a:pos x="T102" y="T103"/>
              </a:cxn>
              <a:cxn ang="0">
                <a:pos x="T104" y="T105"/>
              </a:cxn>
              <a:cxn ang="0">
                <a:pos x="T106" y="T107"/>
              </a:cxn>
              <a:cxn ang="0">
                <a:pos x="T108" y="T109"/>
              </a:cxn>
              <a:cxn ang="0">
                <a:pos x="T110" y="T111"/>
              </a:cxn>
              <a:cxn ang="0">
                <a:pos x="T112" y="T113"/>
              </a:cxn>
              <a:cxn ang="0">
                <a:pos x="T114" y="T115"/>
              </a:cxn>
              <a:cxn ang="0">
                <a:pos x="T116" y="T117"/>
              </a:cxn>
              <a:cxn ang="0">
                <a:pos x="T118" y="T119"/>
              </a:cxn>
              <a:cxn ang="0">
                <a:pos x="T120" y="T121"/>
              </a:cxn>
            </a:cxnLst>
            <a:rect l="0" t="0" r="r" b="b"/>
            <a:pathLst>
              <a:path w="705" h="2533">
                <a:moveTo>
                  <a:pt x="702" y="673"/>
                </a:moveTo>
                <a:lnTo>
                  <a:pt x="624" y="494"/>
                </a:lnTo>
                <a:lnTo>
                  <a:pt x="540" y="317"/>
                </a:lnTo>
                <a:lnTo>
                  <a:pt x="488" y="168"/>
                </a:lnTo>
                <a:lnTo>
                  <a:pt x="436" y="17"/>
                </a:lnTo>
                <a:lnTo>
                  <a:pt x="431" y="8"/>
                </a:lnTo>
                <a:lnTo>
                  <a:pt x="417" y="0"/>
                </a:lnTo>
                <a:lnTo>
                  <a:pt x="400" y="6"/>
                </a:lnTo>
                <a:lnTo>
                  <a:pt x="391" y="20"/>
                </a:lnTo>
                <a:lnTo>
                  <a:pt x="391" y="30"/>
                </a:lnTo>
                <a:lnTo>
                  <a:pt x="394" y="43"/>
                </a:lnTo>
                <a:lnTo>
                  <a:pt x="396" y="56"/>
                </a:lnTo>
                <a:lnTo>
                  <a:pt x="396" y="57"/>
                </a:lnTo>
                <a:lnTo>
                  <a:pt x="396" y="59"/>
                </a:lnTo>
                <a:lnTo>
                  <a:pt x="394" y="64"/>
                </a:lnTo>
                <a:lnTo>
                  <a:pt x="392" y="69"/>
                </a:lnTo>
                <a:lnTo>
                  <a:pt x="390" y="76"/>
                </a:lnTo>
                <a:lnTo>
                  <a:pt x="386" y="81"/>
                </a:lnTo>
                <a:lnTo>
                  <a:pt x="383" y="79"/>
                </a:lnTo>
                <a:lnTo>
                  <a:pt x="379" y="78"/>
                </a:lnTo>
                <a:lnTo>
                  <a:pt x="378" y="77"/>
                </a:lnTo>
                <a:lnTo>
                  <a:pt x="377" y="74"/>
                </a:lnTo>
                <a:lnTo>
                  <a:pt x="378" y="73"/>
                </a:lnTo>
                <a:lnTo>
                  <a:pt x="378" y="72"/>
                </a:lnTo>
                <a:lnTo>
                  <a:pt x="381" y="63"/>
                </a:lnTo>
                <a:lnTo>
                  <a:pt x="375" y="47"/>
                </a:lnTo>
                <a:lnTo>
                  <a:pt x="361" y="38"/>
                </a:lnTo>
                <a:lnTo>
                  <a:pt x="346" y="42"/>
                </a:lnTo>
                <a:lnTo>
                  <a:pt x="340" y="50"/>
                </a:lnTo>
                <a:lnTo>
                  <a:pt x="339" y="51"/>
                </a:lnTo>
                <a:lnTo>
                  <a:pt x="338" y="54"/>
                </a:lnTo>
                <a:lnTo>
                  <a:pt x="330" y="61"/>
                </a:lnTo>
                <a:lnTo>
                  <a:pt x="327" y="73"/>
                </a:lnTo>
                <a:lnTo>
                  <a:pt x="300" y="125"/>
                </a:lnTo>
                <a:lnTo>
                  <a:pt x="274" y="177"/>
                </a:lnTo>
                <a:lnTo>
                  <a:pt x="220" y="271"/>
                </a:lnTo>
                <a:lnTo>
                  <a:pt x="171" y="369"/>
                </a:lnTo>
                <a:lnTo>
                  <a:pt x="124" y="459"/>
                </a:lnTo>
                <a:lnTo>
                  <a:pt x="38" y="643"/>
                </a:lnTo>
                <a:lnTo>
                  <a:pt x="2" y="738"/>
                </a:lnTo>
                <a:lnTo>
                  <a:pt x="0" y="747"/>
                </a:lnTo>
                <a:lnTo>
                  <a:pt x="7" y="760"/>
                </a:lnTo>
                <a:lnTo>
                  <a:pt x="22" y="766"/>
                </a:lnTo>
                <a:lnTo>
                  <a:pt x="37" y="763"/>
                </a:lnTo>
                <a:lnTo>
                  <a:pt x="42" y="756"/>
                </a:lnTo>
                <a:lnTo>
                  <a:pt x="49" y="741"/>
                </a:lnTo>
                <a:lnTo>
                  <a:pt x="57" y="725"/>
                </a:lnTo>
                <a:lnTo>
                  <a:pt x="57" y="725"/>
                </a:lnTo>
                <a:lnTo>
                  <a:pt x="57" y="725"/>
                </a:lnTo>
                <a:lnTo>
                  <a:pt x="54" y="735"/>
                </a:lnTo>
                <a:lnTo>
                  <a:pt x="53" y="744"/>
                </a:lnTo>
                <a:lnTo>
                  <a:pt x="51" y="753"/>
                </a:lnTo>
                <a:lnTo>
                  <a:pt x="60" y="768"/>
                </a:lnTo>
                <a:lnTo>
                  <a:pt x="75" y="774"/>
                </a:lnTo>
                <a:lnTo>
                  <a:pt x="89" y="770"/>
                </a:lnTo>
                <a:lnTo>
                  <a:pt x="94" y="763"/>
                </a:lnTo>
                <a:lnTo>
                  <a:pt x="107" y="733"/>
                </a:lnTo>
                <a:lnTo>
                  <a:pt x="121" y="704"/>
                </a:lnTo>
                <a:lnTo>
                  <a:pt x="127" y="700"/>
                </a:lnTo>
                <a:lnTo>
                  <a:pt x="130" y="694"/>
                </a:lnTo>
                <a:lnTo>
                  <a:pt x="143" y="669"/>
                </a:lnTo>
                <a:lnTo>
                  <a:pt x="155" y="643"/>
                </a:lnTo>
                <a:lnTo>
                  <a:pt x="156" y="646"/>
                </a:lnTo>
                <a:lnTo>
                  <a:pt x="158" y="648"/>
                </a:lnTo>
                <a:lnTo>
                  <a:pt x="164" y="655"/>
                </a:lnTo>
                <a:lnTo>
                  <a:pt x="175" y="655"/>
                </a:lnTo>
                <a:lnTo>
                  <a:pt x="178" y="654"/>
                </a:lnTo>
                <a:lnTo>
                  <a:pt x="182" y="654"/>
                </a:lnTo>
                <a:lnTo>
                  <a:pt x="187" y="651"/>
                </a:lnTo>
                <a:lnTo>
                  <a:pt x="193" y="642"/>
                </a:lnTo>
                <a:lnTo>
                  <a:pt x="190" y="632"/>
                </a:lnTo>
                <a:lnTo>
                  <a:pt x="181" y="625"/>
                </a:lnTo>
                <a:lnTo>
                  <a:pt x="175" y="625"/>
                </a:lnTo>
                <a:lnTo>
                  <a:pt x="182" y="621"/>
                </a:lnTo>
                <a:lnTo>
                  <a:pt x="200" y="588"/>
                </a:lnTo>
                <a:lnTo>
                  <a:pt x="224" y="520"/>
                </a:lnTo>
                <a:lnTo>
                  <a:pt x="233" y="494"/>
                </a:lnTo>
                <a:lnTo>
                  <a:pt x="250" y="457"/>
                </a:lnTo>
                <a:lnTo>
                  <a:pt x="267" y="419"/>
                </a:lnTo>
                <a:lnTo>
                  <a:pt x="307" y="337"/>
                </a:lnTo>
                <a:lnTo>
                  <a:pt x="348" y="254"/>
                </a:lnTo>
                <a:lnTo>
                  <a:pt x="346" y="330"/>
                </a:lnTo>
                <a:lnTo>
                  <a:pt x="343" y="405"/>
                </a:lnTo>
                <a:lnTo>
                  <a:pt x="326" y="668"/>
                </a:lnTo>
                <a:lnTo>
                  <a:pt x="315" y="1195"/>
                </a:lnTo>
                <a:lnTo>
                  <a:pt x="327" y="1722"/>
                </a:lnTo>
                <a:lnTo>
                  <a:pt x="364" y="2248"/>
                </a:lnTo>
                <a:lnTo>
                  <a:pt x="391" y="2511"/>
                </a:lnTo>
                <a:lnTo>
                  <a:pt x="394" y="2519"/>
                </a:lnTo>
                <a:lnTo>
                  <a:pt x="404" y="2527"/>
                </a:lnTo>
                <a:lnTo>
                  <a:pt x="417" y="2527"/>
                </a:lnTo>
                <a:lnTo>
                  <a:pt x="426" y="2519"/>
                </a:lnTo>
                <a:lnTo>
                  <a:pt x="427" y="2511"/>
                </a:lnTo>
                <a:lnTo>
                  <a:pt x="423" y="2472"/>
                </a:lnTo>
                <a:lnTo>
                  <a:pt x="420" y="2433"/>
                </a:lnTo>
                <a:lnTo>
                  <a:pt x="425" y="2458"/>
                </a:lnTo>
                <a:lnTo>
                  <a:pt x="440" y="2499"/>
                </a:lnTo>
                <a:lnTo>
                  <a:pt x="464" y="2527"/>
                </a:lnTo>
                <a:lnTo>
                  <a:pt x="499" y="2533"/>
                </a:lnTo>
                <a:lnTo>
                  <a:pt x="521" y="2524"/>
                </a:lnTo>
                <a:lnTo>
                  <a:pt x="528" y="2518"/>
                </a:lnTo>
                <a:lnTo>
                  <a:pt x="530" y="2508"/>
                </a:lnTo>
                <a:lnTo>
                  <a:pt x="526" y="2232"/>
                </a:lnTo>
                <a:lnTo>
                  <a:pt x="510" y="1683"/>
                </a:lnTo>
                <a:lnTo>
                  <a:pt x="486" y="1133"/>
                </a:lnTo>
                <a:lnTo>
                  <a:pt x="451" y="584"/>
                </a:lnTo>
                <a:lnTo>
                  <a:pt x="431" y="309"/>
                </a:lnTo>
                <a:lnTo>
                  <a:pt x="528" y="525"/>
                </a:lnTo>
                <a:lnTo>
                  <a:pt x="627" y="742"/>
                </a:lnTo>
                <a:lnTo>
                  <a:pt x="631" y="750"/>
                </a:lnTo>
                <a:lnTo>
                  <a:pt x="644" y="755"/>
                </a:lnTo>
                <a:lnTo>
                  <a:pt x="657" y="752"/>
                </a:lnTo>
                <a:lnTo>
                  <a:pt x="668" y="744"/>
                </a:lnTo>
                <a:lnTo>
                  <a:pt x="671" y="738"/>
                </a:lnTo>
                <a:lnTo>
                  <a:pt x="680" y="735"/>
                </a:lnTo>
                <a:lnTo>
                  <a:pt x="690" y="720"/>
                </a:lnTo>
                <a:lnTo>
                  <a:pt x="688" y="708"/>
                </a:lnTo>
                <a:lnTo>
                  <a:pt x="687" y="706"/>
                </a:lnTo>
                <a:lnTo>
                  <a:pt x="687" y="703"/>
                </a:lnTo>
                <a:lnTo>
                  <a:pt x="696" y="699"/>
                </a:lnTo>
                <a:lnTo>
                  <a:pt x="705" y="685"/>
                </a:lnTo>
                <a:lnTo>
                  <a:pt x="702" y="673"/>
                </a:lnTo>
              </a:path>
            </a:pathLst>
          </a:custGeom>
          <a:solidFill>
            <a:schemeClr val="accent1">
              <a:lumMod val="75000"/>
            </a:schemeClr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0" name="TextBox 26">
            <a:extLst>
              <a:ext uri="{FF2B5EF4-FFF2-40B4-BE49-F238E27FC236}">
                <a16:creationId xmlns:a16="http://schemas.microsoft.com/office/drawing/2014/main" id="{1B5D5595-C9A1-4771-8DDD-6DD76C1B6CA1}"/>
              </a:ext>
            </a:extLst>
          </p:cNvPr>
          <p:cNvSpPr txBox="1"/>
          <p:nvPr/>
        </p:nvSpPr>
        <p:spPr>
          <a:xfrm>
            <a:off x="-908" y="3121468"/>
            <a:ext cx="3030113" cy="584775"/>
          </a:xfrm>
          <a:prstGeom prst="rect">
            <a:avLst/>
          </a:prstGeom>
          <a:noFill/>
        </p:spPr>
        <p:txBody>
          <a:bodyPr wrap="square" rtlCol="0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1" i="0" u="none" strike="noStrike" kern="1200" cap="none" spc="0" normalizeH="0" baseline="0" noProof="0" dirty="0">
                <a:ln>
                  <a:noFill/>
                </a:ln>
                <a:solidFill>
                  <a:srgbClr val="70AD47">
                    <a:lumMod val="60000"/>
                    <a:lumOff val="40000"/>
                  </a:srgbClr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Ahlaka etkisi</a:t>
            </a:r>
            <a:endParaRPr kumimoji="0" lang="en-US" sz="3200" b="1" i="0" u="none" strike="noStrike" kern="1200" cap="none" spc="0" normalizeH="0" baseline="0" noProof="0" dirty="0">
              <a:ln>
                <a:noFill/>
              </a:ln>
              <a:solidFill>
                <a:srgbClr val="70AD47">
                  <a:lumMod val="60000"/>
                  <a:lumOff val="40000"/>
                </a:srgbClr>
              </a:solidFill>
              <a:effectLst/>
              <a:uLnTx/>
              <a:uFillTx/>
              <a:latin typeface="Helvetica" panose="020B0604020202020204" pitchFamily="34" charset="0"/>
              <a:ea typeface="맑은 고딕"/>
              <a:cs typeface="Helvetica" panose="020B0604020202020204" pitchFamily="34" charset="0"/>
            </a:endParaRPr>
          </a:p>
        </p:txBody>
      </p:sp>
      <p:sp>
        <p:nvSpPr>
          <p:cNvPr id="41" name="TextBox 27">
            <a:extLst>
              <a:ext uri="{FF2B5EF4-FFF2-40B4-BE49-F238E27FC236}">
                <a16:creationId xmlns:a16="http://schemas.microsoft.com/office/drawing/2014/main" id="{94884374-4853-496D-8477-0240E2570707}"/>
              </a:ext>
            </a:extLst>
          </p:cNvPr>
          <p:cNvSpPr txBox="1"/>
          <p:nvPr/>
        </p:nvSpPr>
        <p:spPr>
          <a:xfrm>
            <a:off x="48960" y="4508483"/>
            <a:ext cx="3572977" cy="1077218"/>
          </a:xfrm>
          <a:prstGeom prst="rect">
            <a:avLst/>
          </a:prstGeom>
          <a:noFill/>
        </p:spPr>
        <p:txBody>
          <a:bodyPr wrap="square" rtlCol="0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1" i="0" u="none" strike="noStrike" kern="1200" cap="none" spc="0" normalizeH="0" baseline="0" noProof="0" dirty="0">
                <a:ln>
                  <a:noFill/>
                </a:ln>
                <a:solidFill>
                  <a:srgbClr val="FFC000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Duygu dünyasına etkisi</a:t>
            </a:r>
            <a:endParaRPr kumimoji="0" lang="en-US" sz="3200" b="1" i="0" u="none" strike="noStrike" kern="1200" cap="none" spc="0" normalizeH="0" baseline="0" noProof="0" dirty="0">
              <a:ln>
                <a:noFill/>
              </a:ln>
              <a:solidFill>
                <a:srgbClr val="FFC000"/>
              </a:solidFill>
              <a:effectLst/>
              <a:uLnTx/>
              <a:uFillTx/>
              <a:latin typeface="Helvetica" panose="020B0604020202020204" pitchFamily="34" charset="0"/>
              <a:ea typeface="맑은 고딕"/>
              <a:cs typeface="Helvetica" panose="020B0604020202020204" pitchFamily="34" charset="0"/>
            </a:endParaRPr>
          </a:p>
        </p:txBody>
      </p:sp>
      <p:sp>
        <p:nvSpPr>
          <p:cNvPr id="43" name="TextBox 31">
            <a:extLst>
              <a:ext uri="{FF2B5EF4-FFF2-40B4-BE49-F238E27FC236}">
                <a16:creationId xmlns:a16="http://schemas.microsoft.com/office/drawing/2014/main" id="{05770BF5-25B0-4039-9AAA-5666698E7F5E}"/>
              </a:ext>
            </a:extLst>
          </p:cNvPr>
          <p:cNvSpPr txBox="1"/>
          <p:nvPr/>
        </p:nvSpPr>
        <p:spPr>
          <a:xfrm>
            <a:off x="8841630" y="3167390"/>
            <a:ext cx="3209769" cy="523220"/>
          </a:xfrm>
          <a:prstGeom prst="rect">
            <a:avLst/>
          </a:prstGeom>
          <a:noFill/>
        </p:spPr>
        <p:txBody>
          <a:bodyPr wrap="square" rtlCol="0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1" i="0" u="none" strike="noStrike" kern="1200" cap="none" spc="0" normalizeH="0" baseline="0" noProof="0" dirty="0">
                <a:ln>
                  <a:noFill/>
                </a:ln>
                <a:solidFill>
                  <a:srgbClr val="4472C4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Evrenin yaratılışı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srgbClr val="4472C4"/>
              </a:solidFill>
              <a:effectLst/>
              <a:uLnTx/>
              <a:uFillTx/>
              <a:latin typeface="Helvetica" panose="020B0604020202020204" pitchFamily="34" charset="0"/>
              <a:ea typeface="맑은 고딕"/>
              <a:cs typeface="Helvetica" panose="020B0604020202020204" pitchFamily="34" charset="0"/>
            </a:endParaRPr>
          </a:p>
        </p:txBody>
      </p:sp>
      <p:sp>
        <p:nvSpPr>
          <p:cNvPr id="44" name="TextBox 32">
            <a:extLst>
              <a:ext uri="{FF2B5EF4-FFF2-40B4-BE49-F238E27FC236}">
                <a16:creationId xmlns:a16="http://schemas.microsoft.com/office/drawing/2014/main" id="{2DE1FD5A-8E29-4338-9631-D3CF75C425D5}"/>
              </a:ext>
            </a:extLst>
          </p:cNvPr>
          <p:cNvSpPr txBox="1"/>
          <p:nvPr/>
        </p:nvSpPr>
        <p:spPr>
          <a:xfrm>
            <a:off x="8760358" y="4666855"/>
            <a:ext cx="3145174" cy="1077218"/>
          </a:xfrm>
          <a:prstGeom prst="rect">
            <a:avLst/>
          </a:prstGeom>
          <a:noFill/>
        </p:spPr>
        <p:txBody>
          <a:bodyPr wrap="square" rtlCol="0" anchor="ctr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1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Varoluşla ilgili temel sorulara</a:t>
            </a:r>
            <a:endParaRPr kumimoji="0" lang="en-US" sz="3200" b="1" i="0" u="none" strike="noStrike" kern="1200" cap="none" spc="0" normalizeH="0" baseline="0" noProof="0" dirty="0">
              <a:ln>
                <a:noFill/>
              </a:ln>
              <a:solidFill>
                <a:srgbClr val="ED7D31"/>
              </a:solidFill>
              <a:effectLst/>
              <a:uLnTx/>
              <a:uFillTx/>
              <a:latin typeface="Helvetica" panose="020B0604020202020204" pitchFamily="34" charset="0"/>
              <a:ea typeface="맑은 고딕"/>
              <a:cs typeface="Helvetica" panose="020B0604020202020204" pitchFamily="34" charset="0"/>
            </a:endParaRPr>
          </a:p>
        </p:txBody>
      </p:sp>
      <p:sp>
        <p:nvSpPr>
          <p:cNvPr id="45" name="Freeform 137">
            <a:extLst>
              <a:ext uri="{FF2B5EF4-FFF2-40B4-BE49-F238E27FC236}">
                <a16:creationId xmlns:a16="http://schemas.microsoft.com/office/drawing/2014/main" id="{4D2FA2E5-5D26-4DE7-9039-7CF53955891A}"/>
              </a:ext>
            </a:extLst>
          </p:cNvPr>
          <p:cNvSpPr>
            <a:spLocks/>
          </p:cNvSpPr>
          <p:nvPr/>
        </p:nvSpPr>
        <p:spPr bwMode="auto">
          <a:xfrm rot="1772073" flipH="1">
            <a:off x="6909176" y="1257010"/>
            <a:ext cx="1016404" cy="1388667"/>
          </a:xfrm>
          <a:custGeom>
            <a:avLst/>
            <a:gdLst>
              <a:gd name="T0" fmla="*/ 1685 w 1749"/>
              <a:gd name="T1" fmla="*/ 1755 h 2611"/>
              <a:gd name="T2" fmla="*/ 1542 w 1749"/>
              <a:gd name="T3" fmla="*/ 1339 h 2611"/>
              <a:gd name="T4" fmla="*/ 1436 w 1749"/>
              <a:gd name="T5" fmla="*/ 1121 h 2611"/>
              <a:gd name="T6" fmla="*/ 1281 w 1749"/>
              <a:gd name="T7" fmla="*/ 842 h 2611"/>
              <a:gd name="T8" fmla="*/ 918 w 1749"/>
              <a:gd name="T9" fmla="*/ 425 h 2611"/>
              <a:gd name="T10" fmla="*/ 649 w 1749"/>
              <a:gd name="T11" fmla="*/ 258 h 2611"/>
              <a:gd name="T12" fmla="*/ 391 w 1749"/>
              <a:gd name="T13" fmla="*/ 185 h 2611"/>
              <a:gd name="T14" fmla="*/ 490 w 1749"/>
              <a:gd name="T15" fmla="*/ 177 h 2611"/>
              <a:gd name="T16" fmla="*/ 938 w 1749"/>
              <a:gd name="T17" fmla="*/ 158 h 2611"/>
              <a:gd name="T18" fmla="*/ 938 w 1749"/>
              <a:gd name="T19" fmla="*/ 106 h 2611"/>
              <a:gd name="T20" fmla="*/ 870 w 1749"/>
              <a:gd name="T21" fmla="*/ 98 h 2611"/>
              <a:gd name="T22" fmla="*/ 835 w 1749"/>
              <a:gd name="T23" fmla="*/ 94 h 2611"/>
              <a:gd name="T24" fmla="*/ 867 w 1749"/>
              <a:gd name="T25" fmla="*/ 88 h 2611"/>
              <a:gd name="T26" fmla="*/ 894 w 1749"/>
              <a:gd name="T27" fmla="*/ 50 h 2611"/>
              <a:gd name="T28" fmla="*/ 866 w 1749"/>
              <a:gd name="T29" fmla="*/ 24 h 2611"/>
              <a:gd name="T30" fmla="*/ 779 w 1749"/>
              <a:gd name="T31" fmla="*/ 22 h 2611"/>
              <a:gd name="T32" fmla="*/ 95 w 1749"/>
              <a:gd name="T33" fmla="*/ 1 h 2611"/>
              <a:gd name="T34" fmla="*/ 62 w 1749"/>
              <a:gd name="T35" fmla="*/ 11 h 2611"/>
              <a:gd name="T36" fmla="*/ 34 w 1749"/>
              <a:gd name="T37" fmla="*/ 30 h 2611"/>
              <a:gd name="T38" fmla="*/ 0 w 1749"/>
              <a:gd name="T39" fmla="*/ 61 h 2611"/>
              <a:gd name="T40" fmla="*/ 220 w 1749"/>
              <a:gd name="T41" fmla="*/ 351 h 2611"/>
              <a:gd name="T42" fmla="*/ 414 w 1749"/>
              <a:gd name="T43" fmla="*/ 573 h 2611"/>
              <a:gd name="T44" fmla="*/ 583 w 1749"/>
              <a:gd name="T45" fmla="*/ 767 h 2611"/>
              <a:gd name="T46" fmla="*/ 616 w 1749"/>
              <a:gd name="T47" fmla="*/ 735 h 2611"/>
              <a:gd name="T48" fmla="*/ 587 w 1749"/>
              <a:gd name="T49" fmla="*/ 700 h 2611"/>
              <a:gd name="T50" fmla="*/ 621 w 1749"/>
              <a:gd name="T51" fmla="*/ 676 h 2611"/>
              <a:gd name="T52" fmla="*/ 670 w 1749"/>
              <a:gd name="T53" fmla="*/ 722 h 2611"/>
              <a:gd name="T54" fmla="*/ 706 w 1749"/>
              <a:gd name="T55" fmla="*/ 685 h 2611"/>
              <a:gd name="T56" fmla="*/ 332 w 1749"/>
              <a:gd name="T57" fmla="*/ 255 h 2611"/>
              <a:gd name="T58" fmla="*/ 432 w 1749"/>
              <a:gd name="T59" fmla="*/ 303 h 2611"/>
              <a:gd name="T60" fmla="*/ 804 w 1749"/>
              <a:gd name="T61" fmla="*/ 604 h 2611"/>
              <a:gd name="T62" fmla="*/ 1027 w 1749"/>
              <a:gd name="T63" fmla="*/ 863 h 2611"/>
              <a:gd name="T64" fmla="*/ 1260 w 1749"/>
              <a:gd name="T65" fmla="*/ 1232 h 2611"/>
              <a:gd name="T66" fmla="*/ 1412 w 1749"/>
              <a:gd name="T67" fmla="*/ 1578 h 2611"/>
              <a:gd name="T68" fmla="*/ 1524 w 1749"/>
              <a:gd name="T69" fmla="*/ 2015 h 2611"/>
              <a:gd name="T70" fmla="*/ 1561 w 1749"/>
              <a:gd name="T71" fmla="*/ 2391 h 2611"/>
              <a:gd name="T72" fmla="*/ 1554 w 1749"/>
              <a:gd name="T73" fmla="*/ 2536 h 2611"/>
              <a:gd name="T74" fmla="*/ 1559 w 1749"/>
              <a:gd name="T75" fmla="*/ 2584 h 2611"/>
              <a:gd name="T76" fmla="*/ 1593 w 1749"/>
              <a:gd name="T77" fmla="*/ 2611 h 2611"/>
              <a:gd name="T78" fmla="*/ 1619 w 1749"/>
              <a:gd name="T79" fmla="*/ 2562 h 2611"/>
              <a:gd name="T80" fmla="*/ 1695 w 1749"/>
              <a:gd name="T81" fmla="*/ 2462 h 2611"/>
              <a:gd name="T82" fmla="*/ 1749 w 1749"/>
              <a:gd name="T83" fmla="*/ 2224 h 2611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</a:cxnLst>
            <a:rect l="0" t="0" r="r" b="b"/>
            <a:pathLst>
              <a:path w="1749" h="2611">
                <a:moveTo>
                  <a:pt x="1732" y="2015"/>
                </a:moveTo>
                <a:lnTo>
                  <a:pt x="1720" y="1928"/>
                </a:lnTo>
                <a:lnTo>
                  <a:pt x="1685" y="1755"/>
                </a:lnTo>
                <a:lnTo>
                  <a:pt x="1638" y="1585"/>
                </a:lnTo>
                <a:lnTo>
                  <a:pt x="1577" y="1419"/>
                </a:lnTo>
                <a:lnTo>
                  <a:pt x="1542" y="1339"/>
                </a:lnTo>
                <a:lnTo>
                  <a:pt x="1502" y="1253"/>
                </a:lnTo>
                <a:lnTo>
                  <a:pt x="1458" y="1170"/>
                </a:lnTo>
                <a:lnTo>
                  <a:pt x="1436" y="1121"/>
                </a:lnTo>
                <a:lnTo>
                  <a:pt x="1413" y="1073"/>
                </a:lnTo>
                <a:lnTo>
                  <a:pt x="1373" y="997"/>
                </a:lnTo>
                <a:lnTo>
                  <a:pt x="1281" y="842"/>
                </a:lnTo>
                <a:lnTo>
                  <a:pt x="1173" y="691"/>
                </a:lnTo>
                <a:lnTo>
                  <a:pt x="1053" y="551"/>
                </a:lnTo>
                <a:lnTo>
                  <a:pt x="918" y="425"/>
                </a:lnTo>
                <a:lnTo>
                  <a:pt x="808" y="343"/>
                </a:lnTo>
                <a:lnTo>
                  <a:pt x="730" y="297"/>
                </a:lnTo>
                <a:lnTo>
                  <a:pt x="649" y="258"/>
                </a:lnTo>
                <a:lnTo>
                  <a:pt x="566" y="225"/>
                </a:lnTo>
                <a:lnTo>
                  <a:pt x="481" y="201"/>
                </a:lnTo>
                <a:lnTo>
                  <a:pt x="391" y="185"/>
                </a:lnTo>
                <a:lnTo>
                  <a:pt x="346" y="181"/>
                </a:lnTo>
                <a:lnTo>
                  <a:pt x="419" y="180"/>
                </a:lnTo>
                <a:lnTo>
                  <a:pt x="490" y="177"/>
                </a:lnTo>
                <a:lnTo>
                  <a:pt x="708" y="170"/>
                </a:lnTo>
                <a:lnTo>
                  <a:pt x="925" y="159"/>
                </a:lnTo>
                <a:lnTo>
                  <a:pt x="938" y="158"/>
                </a:lnTo>
                <a:lnTo>
                  <a:pt x="953" y="142"/>
                </a:lnTo>
                <a:lnTo>
                  <a:pt x="953" y="122"/>
                </a:lnTo>
                <a:lnTo>
                  <a:pt x="938" y="106"/>
                </a:lnTo>
                <a:lnTo>
                  <a:pt x="925" y="103"/>
                </a:lnTo>
                <a:lnTo>
                  <a:pt x="898" y="101"/>
                </a:lnTo>
                <a:lnTo>
                  <a:pt x="870" y="98"/>
                </a:lnTo>
                <a:lnTo>
                  <a:pt x="865" y="97"/>
                </a:lnTo>
                <a:lnTo>
                  <a:pt x="859" y="97"/>
                </a:lnTo>
                <a:lnTo>
                  <a:pt x="835" y="94"/>
                </a:lnTo>
                <a:lnTo>
                  <a:pt x="811" y="93"/>
                </a:lnTo>
                <a:lnTo>
                  <a:pt x="839" y="91"/>
                </a:lnTo>
                <a:lnTo>
                  <a:pt x="867" y="88"/>
                </a:lnTo>
                <a:lnTo>
                  <a:pt x="879" y="85"/>
                </a:lnTo>
                <a:lnTo>
                  <a:pt x="893" y="70"/>
                </a:lnTo>
                <a:lnTo>
                  <a:pt x="894" y="50"/>
                </a:lnTo>
                <a:lnTo>
                  <a:pt x="884" y="35"/>
                </a:lnTo>
                <a:lnTo>
                  <a:pt x="874" y="31"/>
                </a:lnTo>
                <a:lnTo>
                  <a:pt x="866" y="24"/>
                </a:lnTo>
                <a:lnTo>
                  <a:pt x="854" y="23"/>
                </a:lnTo>
                <a:lnTo>
                  <a:pt x="817" y="22"/>
                </a:lnTo>
                <a:lnTo>
                  <a:pt x="779" y="22"/>
                </a:lnTo>
                <a:lnTo>
                  <a:pt x="608" y="10"/>
                </a:lnTo>
                <a:lnTo>
                  <a:pt x="266" y="0"/>
                </a:lnTo>
                <a:lnTo>
                  <a:pt x="95" y="1"/>
                </a:lnTo>
                <a:lnTo>
                  <a:pt x="80" y="2"/>
                </a:lnTo>
                <a:lnTo>
                  <a:pt x="73" y="10"/>
                </a:lnTo>
                <a:lnTo>
                  <a:pt x="62" y="11"/>
                </a:lnTo>
                <a:lnTo>
                  <a:pt x="47" y="24"/>
                </a:lnTo>
                <a:lnTo>
                  <a:pt x="43" y="33"/>
                </a:lnTo>
                <a:lnTo>
                  <a:pt x="34" y="30"/>
                </a:lnTo>
                <a:lnTo>
                  <a:pt x="16" y="32"/>
                </a:lnTo>
                <a:lnTo>
                  <a:pt x="3" y="44"/>
                </a:lnTo>
                <a:lnTo>
                  <a:pt x="0" y="61"/>
                </a:lnTo>
                <a:lnTo>
                  <a:pt x="5" y="70"/>
                </a:lnTo>
                <a:lnTo>
                  <a:pt x="89" y="184"/>
                </a:lnTo>
                <a:lnTo>
                  <a:pt x="220" y="351"/>
                </a:lnTo>
                <a:lnTo>
                  <a:pt x="314" y="457"/>
                </a:lnTo>
                <a:lnTo>
                  <a:pt x="362" y="508"/>
                </a:lnTo>
                <a:lnTo>
                  <a:pt x="414" y="573"/>
                </a:lnTo>
                <a:lnTo>
                  <a:pt x="520" y="698"/>
                </a:lnTo>
                <a:lnTo>
                  <a:pt x="574" y="759"/>
                </a:lnTo>
                <a:lnTo>
                  <a:pt x="583" y="767"/>
                </a:lnTo>
                <a:lnTo>
                  <a:pt x="601" y="766"/>
                </a:lnTo>
                <a:lnTo>
                  <a:pt x="613" y="753"/>
                </a:lnTo>
                <a:lnTo>
                  <a:pt x="616" y="735"/>
                </a:lnTo>
                <a:lnTo>
                  <a:pt x="609" y="724"/>
                </a:lnTo>
                <a:lnTo>
                  <a:pt x="599" y="713"/>
                </a:lnTo>
                <a:lnTo>
                  <a:pt x="587" y="700"/>
                </a:lnTo>
                <a:lnTo>
                  <a:pt x="599" y="701"/>
                </a:lnTo>
                <a:lnTo>
                  <a:pt x="617" y="688"/>
                </a:lnTo>
                <a:lnTo>
                  <a:pt x="621" y="676"/>
                </a:lnTo>
                <a:lnTo>
                  <a:pt x="640" y="696"/>
                </a:lnTo>
                <a:lnTo>
                  <a:pt x="660" y="715"/>
                </a:lnTo>
                <a:lnTo>
                  <a:pt x="670" y="722"/>
                </a:lnTo>
                <a:lnTo>
                  <a:pt x="691" y="720"/>
                </a:lnTo>
                <a:lnTo>
                  <a:pt x="705" y="706"/>
                </a:lnTo>
                <a:lnTo>
                  <a:pt x="706" y="685"/>
                </a:lnTo>
                <a:lnTo>
                  <a:pt x="700" y="675"/>
                </a:lnTo>
                <a:lnTo>
                  <a:pt x="516" y="465"/>
                </a:lnTo>
                <a:lnTo>
                  <a:pt x="332" y="255"/>
                </a:lnTo>
                <a:lnTo>
                  <a:pt x="346" y="260"/>
                </a:lnTo>
                <a:lnTo>
                  <a:pt x="360" y="267"/>
                </a:lnTo>
                <a:lnTo>
                  <a:pt x="432" y="303"/>
                </a:lnTo>
                <a:lnTo>
                  <a:pt x="565" y="390"/>
                </a:lnTo>
                <a:lnTo>
                  <a:pt x="688" y="492"/>
                </a:lnTo>
                <a:lnTo>
                  <a:pt x="804" y="604"/>
                </a:lnTo>
                <a:lnTo>
                  <a:pt x="858" y="662"/>
                </a:lnTo>
                <a:lnTo>
                  <a:pt x="916" y="727"/>
                </a:lnTo>
                <a:lnTo>
                  <a:pt x="1027" y="863"/>
                </a:lnTo>
                <a:lnTo>
                  <a:pt x="1128" y="1006"/>
                </a:lnTo>
                <a:lnTo>
                  <a:pt x="1220" y="1156"/>
                </a:lnTo>
                <a:lnTo>
                  <a:pt x="1260" y="1232"/>
                </a:lnTo>
                <a:lnTo>
                  <a:pt x="1295" y="1300"/>
                </a:lnTo>
                <a:lnTo>
                  <a:pt x="1357" y="1438"/>
                </a:lnTo>
                <a:lnTo>
                  <a:pt x="1412" y="1578"/>
                </a:lnTo>
                <a:lnTo>
                  <a:pt x="1457" y="1722"/>
                </a:lnTo>
                <a:lnTo>
                  <a:pt x="1494" y="1869"/>
                </a:lnTo>
                <a:lnTo>
                  <a:pt x="1524" y="2015"/>
                </a:lnTo>
                <a:lnTo>
                  <a:pt x="1545" y="2166"/>
                </a:lnTo>
                <a:lnTo>
                  <a:pt x="1558" y="2315"/>
                </a:lnTo>
                <a:lnTo>
                  <a:pt x="1561" y="2391"/>
                </a:lnTo>
                <a:lnTo>
                  <a:pt x="1558" y="2459"/>
                </a:lnTo>
                <a:lnTo>
                  <a:pt x="1553" y="2526"/>
                </a:lnTo>
                <a:lnTo>
                  <a:pt x="1554" y="2536"/>
                </a:lnTo>
                <a:lnTo>
                  <a:pt x="1561" y="2544"/>
                </a:lnTo>
                <a:lnTo>
                  <a:pt x="1559" y="2565"/>
                </a:lnTo>
                <a:lnTo>
                  <a:pt x="1559" y="2584"/>
                </a:lnTo>
                <a:lnTo>
                  <a:pt x="1561" y="2596"/>
                </a:lnTo>
                <a:lnTo>
                  <a:pt x="1574" y="2609"/>
                </a:lnTo>
                <a:lnTo>
                  <a:pt x="1593" y="2611"/>
                </a:lnTo>
                <a:lnTo>
                  <a:pt x="1610" y="2602"/>
                </a:lnTo>
                <a:lnTo>
                  <a:pt x="1614" y="2592"/>
                </a:lnTo>
                <a:lnTo>
                  <a:pt x="1619" y="2562"/>
                </a:lnTo>
                <a:lnTo>
                  <a:pt x="1624" y="2534"/>
                </a:lnTo>
                <a:lnTo>
                  <a:pt x="1653" y="2513"/>
                </a:lnTo>
                <a:lnTo>
                  <a:pt x="1695" y="2462"/>
                </a:lnTo>
                <a:lnTo>
                  <a:pt x="1724" y="2402"/>
                </a:lnTo>
                <a:lnTo>
                  <a:pt x="1741" y="2333"/>
                </a:lnTo>
                <a:lnTo>
                  <a:pt x="1749" y="2224"/>
                </a:lnTo>
                <a:lnTo>
                  <a:pt x="1739" y="2079"/>
                </a:lnTo>
                <a:lnTo>
                  <a:pt x="1732" y="2015"/>
                </a:lnTo>
              </a:path>
            </a:pathLst>
          </a:custGeom>
          <a:solidFill>
            <a:schemeClr val="accent1">
              <a:lumMod val="75000"/>
            </a:schemeClr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6" name="TextBox 30">
            <a:extLst>
              <a:ext uri="{FF2B5EF4-FFF2-40B4-BE49-F238E27FC236}">
                <a16:creationId xmlns:a16="http://schemas.microsoft.com/office/drawing/2014/main" id="{A3647C5F-F17F-40C0-9C15-E4DEC29EFA5E}"/>
              </a:ext>
            </a:extLst>
          </p:cNvPr>
          <p:cNvSpPr txBox="1"/>
          <p:nvPr/>
        </p:nvSpPr>
        <p:spPr>
          <a:xfrm>
            <a:off x="7991771" y="1037471"/>
            <a:ext cx="3313537" cy="584775"/>
          </a:xfrm>
          <a:prstGeom prst="rect">
            <a:avLst/>
          </a:prstGeom>
          <a:noFill/>
        </p:spPr>
        <p:txBody>
          <a:bodyPr wrap="square" rtlCol="0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1" i="0" u="none" strike="noStrike" kern="1200" cap="none" spc="0" normalizeH="0" baseline="0" noProof="0" dirty="0">
                <a:ln>
                  <a:noFill/>
                </a:ln>
                <a:solidFill>
                  <a:srgbClr val="A5A5A5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Ölüm ve ötesi</a:t>
            </a:r>
            <a:endParaRPr kumimoji="0" lang="en-US" sz="3200" b="1" i="0" u="none" strike="noStrike" kern="1200" cap="none" spc="0" normalizeH="0" baseline="0" noProof="0" dirty="0">
              <a:ln>
                <a:noFill/>
              </a:ln>
              <a:solidFill>
                <a:srgbClr val="A5A5A5"/>
              </a:solidFill>
              <a:effectLst/>
              <a:uLnTx/>
              <a:uFillTx/>
              <a:latin typeface="Helvetica" panose="020B0604020202020204" pitchFamily="34" charset="0"/>
              <a:ea typeface="맑은 고딕"/>
              <a:cs typeface="Helvetica" panose="020B0604020202020204" pitchFamily="34" charset="0"/>
            </a:endParaRPr>
          </a:p>
        </p:txBody>
      </p:sp>
      <p:sp>
        <p:nvSpPr>
          <p:cNvPr id="47" name="Freeform 137">
            <a:extLst>
              <a:ext uri="{FF2B5EF4-FFF2-40B4-BE49-F238E27FC236}">
                <a16:creationId xmlns:a16="http://schemas.microsoft.com/office/drawing/2014/main" id="{727DA669-B0BE-47C3-B924-751640683AF1}"/>
              </a:ext>
            </a:extLst>
          </p:cNvPr>
          <p:cNvSpPr>
            <a:spLocks/>
          </p:cNvSpPr>
          <p:nvPr/>
        </p:nvSpPr>
        <p:spPr bwMode="auto">
          <a:xfrm rot="19827927">
            <a:off x="3798756" y="988724"/>
            <a:ext cx="730050" cy="1545978"/>
          </a:xfrm>
          <a:custGeom>
            <a:avLst/>
            <a:gdLst>
              <a:gd name="T0" fmla="*/ 1685 w 1749"/>
              <a:gd name="T1" fmla="*/ 1755 h 2611"/>
              <a:gd name="T2" fmla="*/ 1542 w 1749"/>
              <a:gd name="T3" fmla="*/ 1339 h 2611"/>
              <a:gd name="T4" fmla="*/ 1436 w 1749"/>
              <a:gd name="T5" fmla="*/ 1121 h 2611"/>
              <a:gd name="T6" fmla="*/ 1281 w 1749"/>
              <a:gd name="T7" fmla="*/ 842 h 2611"/>
              <a:gd name="T8" fmla="*/ 918 w 1749"/>
              <a:gd name="T9" fmla="*/ 425 h 2611"/>
              <a:gd name="T10" fmla="*/ 649 w 1749"/>
              <a:gd name="T11" fmla="*/ 258 h 2611"/>
              <a:gd name="T12" fmla="*/ 391 w 1749"/>
              <a:gd name="T13" fmla="*/ 185 h 2611"/>
              <a:gd name="T14" fmla="*/ 490 w 1749"/>
              <a:gd name="T15" fmla="*/ 177 h 2611"/>
              <a:gd name="T16" fmla="*/ 938 w 1749"/>
              <a:gd name="T17" fmla="*/ 158 h 2611"/>
              <a:gd name="T18" fmla="*/ 938 w 1749"/>
              <a:gd name="T19" fmla="*/ 106 h 2611"/>
              <a:gd name="T20" fmla="*/ 870 w 1749"/>
              <a:gd name="T21" fmla="*/ 98 h 2611"/>
              <a:gd name="T22" fmla="*/ 835 w 1749"/>
              <a:gd name="T23" fmla="*/ 94 h 2611"/>
              <a:gd name="T24" fmla="*/ 867 w 1749"/>
              <a:gd name="T25" fmla="*/ 88 h 2611"/>
              <a:gd name="T26" fmla="*/ 894 w 1749"/>
              <a:gd name="T27" fmla="*/ 50 h 2611"/>
              <a:gd name="T28" fmla="*/ 866 w 1749"/>
              <a:gd name="T29" fmla="*/ 24 h 2611"/>
              <a:gd name="T30" fmla="*/ 779 w 1749"/>
              <a:gd name="T31" fmla="*/ 22 h 2611"/>
              <a:gd name="T32" fmla="*/ 95 w 1749"/>
              <a:gd name="T33" fmla="*/ 1 h 2611"/>
              <a:gd name="T34" fmla="*/ 62 w 1749"/>
              <a:gd name="T35" fmla="*/ 11 h 2611"/>
              <a:gd name="T36" fmla="*/ 34 w 1749"/>
              <a:gd name="T37" fmla="*/ 30 h 2611"/>
              <a:gd name="T38" fmla="*/ 0 w 1749"/>
              <a:gd name="T39" fmla="*/ 61 h 2611"/>
              <a:gd name="T40" fmla="*/ 220 w 1749"/>
              <a:gd name="T41" fmla="*/ 351 h 2611"/>
              <a:gd name="T42" fmla="*/ 414 w 1749"/>
              <a:gd name="T43" fmla="*/ 573 h 2611"/>
              <a:gd name="T44" fmla="*/ 583 w 1749"/>
              <a:gd name="T45" fmla="*/ 767 h 2611"/>
              <a:gd name="T46" fmla="*/ 616 w 1749"/>
              <a:gd name="T47" fmla="*/ 735 h 2611"/>
              <a:gd name="T48" fmla="*/ 587 w 1749"/>
              <a:gd name="T49" fmla="*/ 700 h 2611"/>
              <a:gd name="T50" fmla="*/ 621 w 1749"/>
              <a:gd name="T51" fmla="*/ 676 h 2611"/>
              <a:gd name="T52" fmla="*/ 670 w 1749"/>
              <a:gd name="T53" fmla="*/ 722 h 2611"/>
              <a:gd name="T54" fmla="*/ 706 w 1749"/>
              <a:gd name="T55" fmla="*/ 685 h 2611"/>
              <a:gd name="T56" fmla="*/ 332 w 1749"/>
              <a:gd name="T57" fmla="*/ 255 h 2611"/>
              <a:gd name="T58" fmla="*/ 432 w 1749"/>
              <a:gd name="T59" fmla="*/ 303 h 2611"/>
              <a:gd name="T60" fmla="*/ 804 w 1749"/>
              <a:gd name="T61" fmla="*/ 604 h 2611"/>
              <a:gd name="T62" fmla="*/ 1027 w 1749"/>
              <a:gd name="T63" fmla="*/ 863 h 2611"/>
              <a:gd name="T64" fmla="*/ 1260 w 1749"/>
              <a:gd name="T65" fmla="*/ 1232 h 2611"/>
              <a:gd name="T66" fmla="*/ 1412 w 1749"/>
              <a:gd name="T67" fmla="*/ 1578 h 2611"/>
              <a:gd name="T68" fmla="*/ 1524 w 1749"/>
              <a:gd name="T69" fmla="*/ 2015 h 2611"/>
              <a:gd name="T70" fmla="*/ 1561 w 1749"/>
              <a:gd name="T71" fmla="*/ 2391 h 2611"/>
              <a:gd name="T72" fmla="*/ 1554 w 1749"/>
              <a:gd name="T73" fmla="*/ 2536 h 2611"/>
              <a:gd name="T74" fmla="*/ 1559 w 1749"/>
              <a:gd name="T75" fmla="*/ 2584 h 2611"/>
              <a:gd name="T76" fmla="*/ 1593 w 1749"/>
              <a:gd name="T77" fmla="*/ 2611 h 2611"/>
              <a:gd name="T78" fmla="*/ 1619 w 1749"/>
              <a:gd name="T79" fmla="*/ 2562 h 2611"/>
              <a:gd name="T80" fmla="*/ 1695 w 1749"/>
              <a:gd name="T81" fmla="*/ 2462 h 2611"/>
              <a:gd name="T82" fmla="*/ 1749 w 1749"/>
              <a:gd name="T83" fmla="*/ 2224 h 2611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</a:cxnLst>
            <a:rect l="0" t="0" r="r" b="b"/>
            <a:pathLst>
              <a:path w="1749" h="2611">
                <a:moveTo>
                  <a:pt x="1732" y="2015"/>
                </a:moveTo>
                <a:lnTo>
                  <a:pt x="1720" y="1928"/>
                </a:lnTo>
                <a:lnTo>
                  <a:pt x="1685" y="1755"/>
                </a:lnTo>
                <a:lnTo>
                  <a:pt x="1638" y="1585"/>
                </a:lnTo>
                <a:lnTo>
                  <a:pt x="1577" y="1419"/>
                </a:lnTo>
                <a:lnTo>
                  <a:pt x="1542" y="1339"/>
                </a:lnTo>
                <a:lnTo>
                  <a:pt x="1502" y="1253"/>
                </a:lnTo>
                <a:lnTo>
                  <a:pt x="1458" y="1170"/>
                </a:lnTo>
                <a:lnTo>
                  <a:pt x="1436" y="1121"/>
                </a:lnTo>
                <a:lnTo>
                  <a:pt x="1413" y="1073"/>
                </a:lnTo>
                <a:lnTo>
                  <a:pt x="1373" y="997"/>
                </a:lnTo>
                <a:lnTo>
                  <a:pt x="1281" y="842"/>
                </a:lnTo>
                <a:lnTo>
                  <a:pt x="1173" y="691"/>
                </a:lnTo>
                <a:lnTo>
                  <a:pt x="1053" y="551"/>
                </a:lnTo>
                <a:lnTo>
                  <a:pt x="918" y="425"/>
                </a:lnTo>
                <a:lnTo>
                  <a:pt x="808" y="343"/>
                </a:lnTo>
                <a:lnTo>
                  <a:pt x="730" y="297"/>
                </a:lnTo>
                <a:lnTo>
                  <a:pt x="649" y="258"/>
                </a:lnTo>
                <a:lnTo>
                  <a:pt x="566" y="225"/>
                </a:lnTo>
                <a:lnTo>
                  <a:pt x="481" y="201"/>
                </a:lnTo>
                <a:lnTo>
                  <a:pt x="391" y="185"/>
                </a:lnTo>
                <a:lnTo>
                  <a:pt x="346" y="181"/>
                </a:lnTo>
                <a:lnTo>
                  <a:pt x="419" y="180"/>
                </a:lnTo>
                <a:lnTo>
                  <a:pt x="490" y="177"/>
                </a:lnTo>
                <a:lnTo>
                  <a:pt x="708" y="170"/>
                </a:lnTo>
                <a:lnTo>
                  <a:pt x="925" y="159"/>
                </a:lnTo>
                <a:lnTo>
                  <a:pt x="938" y="158"/>
                </a:lnTo>
                <a:lnTo>
                  <a:pt x="953" y="142"/>
                </a:lnTo>
                <a:lnTo>
                  <a:pt x="953" y="122"/>
                </a:lnTo>
                <a:lnTo>
                  <a:pt x="938" y="106"/>
                </a:lnTo>
                <a:lnTo>
                  <a:pt x="925" y="103"/>
                </a:lnTo>
                <a:lnTo>
                  <a:pt x="898" y="101"/>
                </a:lnTo>
                <a:lnTo>
                  <a:pt x="870" y="98"/>
                </a:lnTo>
                <a:lnTo>
                  <a:pt x="865" y="97"/>
                </a:lnTo>
                <a:lnTo>
                  <a:pt x="859" y="97"/>
                </a:lnTo>
                <a:lnTo>
                  <a:pt x="835" y="94"/>
                </a:lnTo>
                <a:lnTo>
                  <a:pt x="811" y="93"/>
                </a:lnTo>
                <a:lnTo>
                  <a:pt x="839" y="91"/>
                </a:lnTo>
                <a:lnTo>
                  <a:pt x="867" y="88"/>
                </a:lnTo>
                <a:lnTo>
                  <a:pt x="879" y="85"/>
                </a:lnTo>
                <a:lnTo>
                  <a:pt x="893" y="70"/>
                </a:lnTo>
                <a:lnTo>
                  <a:pt x="894" y="50"/>
                </a:lnTo>
                <a:lnTo>
                  <a:pt x="884" y="35"/>
                </a:lnTo>
                <a:lnTo>
                  <a:pt x="874" y="31"/>
                </a:lnTo>
                <a:lnTo>
                  <a:pt x="866" y="24"/>
                </a:lnTo>
                <a:lnTo>
                  <a:pt x="854" y="23"/>
                </a:lnTo>
                <a:lnTo>
                  <a:pt x="817" y="22"/>
                </a:lnTo>
                <a:lnTo>
                  <a:pt x="779" y="22"/>
                </a:lnTo>
                <a:lnTo>
                  <a:pt x="608" y="10"/>
                </a:lnTo>
                <a:lnTo>
                  <a:pt x="266" y="0"/>
                </a:lnTo>
                <a:lnTo>
                  <a:pt x="95" y="1"/>
                </a:lnTo>
                <a:lnTo>
                  <a:pt x="80" y="2"/>
                </a:lnTo>
                <a:lnTo>
                  <a:pt x="73" y="10"/>
                </a:lnTo>
                <a:lnTo>
                  <a:pt x="62" y="11"/>
                </a:lnTo>
                <a:lnTo>
                  <a:pt x="47" y="24"/>
                </a:lnTo>
                <a:lnTo>
                  <a:pt x="43" y="33"/>
                </a:lnTo>
                <a:lnTo>
                  <a:pt x="34" y="30"/>
                </a:lnTo>
                <a:lnTo>
                  <a:pt x="16" y="32"/>
                </a:lnTo>
                <a:lnTo>
                  <a:pt x="3" y="44"/>
                </a:lnTo>
                <a:lnTo>
                  <a:pt x="0" y="61"/>
                </a:lnTo>
                <a:lnTo>
                  <a:pt x="5" y="70"/>
                </a:lnTo>
                <a:lnTo>
                  <a:pt x="89" y="184"/>
                </a:lnTo>
                <a:lnTo>
                  <a:pt x="220" y="351"/>
                </a:lnTo>
                <a:lnTo>
                  <a:pt x="314" y="457"/>
                </a:lnTo>
                <a:lnTo>
                  <a:pt x="362" y="508"/>
                </a:lnTo>
                <a:lnTo>
                  <a:pt x="414" y="573"/>
                </a:lnTo>
                <a:lnTo>
                  <a:pt x="520" y="698"/>
                </a:lnTo>
                <a:lnTo>
                  <a:pt x="574" y="759"/>
                </a:lnTo>
                <a:lnTo>
                  <a:pt x="583" y="767"/>
                </a:lnTo>
                <a:lnTo>
                  <a:pt x="601" y="766"/>
                </a:lnTo>
                <a:lnTo>
                  <a:pt x="613" y="753"/>
                </a:lnTo>
                <a:lnTo>
                  <a:pt x="616" y="735"/>
                </a:lnTo>
                <a:lnTo>
                  <a:pt x="609" y="724"/>
                </a:lnTo>
                <a:lnTo>
                  <a:pt x="599" y="713"/>
                </a:lnTo>
                <a:lnTo>
                  <a:pt x="587" y="700"/>
                </a:lnTo>
                <a:lnTo>
                  <a:pt x="599" y="701"/>
                </a:lnTo>
                <a:lnTo>
                  <a:pt x="617" y="688"/>
                </a:lnTo>
                <a:lnTo>
                  <a:pt x="621" y="676"/>
                </a:lnTo>
                <a:lnTo>
                  <a:pt x="640" y="696"/>
                </a:lnTo>
                <a:lnTo>
                  <a:pt x="660" y="715"/>
                </a:lnTo>
                <a:lnTo>
                  <a:pt x="670" y="722"/>
                </a:lnTo>
                <a:lnTo>
                  <a:pt x="691" y="720"/>
                </a:lnTo>
                <a:lnTo>
                  <a:pt x="705" y="706"/>
                </a:lnTo>
                <a:lnTo>
                  <a:pt x="706" y="685"/>
                </a:lnTo>
                <a:lnTo>
                  <a:pt x="700" y="675"/>
                </a:lnTo>
                <a:lnTo>
                  <a:pt x="516" y="465"/>
                </a:lnTo>
                <a:lnTo>
                  <a:pt x="332" y="255"/>
                </a:lnTo>
                <a:lnTo>
                  <a:pt x="346" y="260"/>
                </a:lnTo>
                <a:lnTo>
                  <a:pt x="360" y="267"/>
                </a:lnTo>
                <a:lnTo>
                  <a:pt x="432" y="303"/>
                </a:lnTo>
                <a:lnTo>
                  <a:pt x="565" y="390"/>
                </a:lnTo>
                <a:lnTo>
                  <a:pt x="688" y="492"/>
                </a:lnTo>
                <a:lnTo>
                  <a:pt x="804" y="604"/>
                </a:lnTo>
                <a:lnTo>
                  <a:pt x="858" y="662"/>
                </a:lnTo>
                <a:lnTo>
                  <a:pt x="916" y="727"/>
                </a:lnTo>
                <a:lnTo>
                  <a:pt x="1027" y="863"/>
                </a:lnTo>
                <a:lnTo>
                  <a:pt x="1128" y="1006"/>
                </a:lnTo>
                <a:lnTo>
                  <a:pt x="1220" y="1156"/>
                </a:lnTo>
                <a:lnTo>
                  <a:pt x="1260" y="1232"/>
                </a:lnTo>
                <a:lnTo>
                  <a:pt x="1295" y="1300"/>
                </a:lnTo>
                <a:lnTo>
                  <a:pt x="1357" y="1438"/>
                </a:lnTo>
                <a:lnTo>
                  <a:pt x="1412" y="1578"/>
                </a:lnTo>
                <a:lnTo>
                  <a:pt x="1457" y="1722"/>
                </a:lnTo>
                <a:lnTo>
                  <a:pt x="1494" y="1869"/>
                </a:lnTo>
                <a:lnTo>
                  <a:pt x="1524" y="2015"/>
                </a:lnTo>
                <a:lnTo>
                  <a:pt x="1545" y="2166"/>
                </a:lnTo>
                <a:lnTo>
                  <a:pt x="1558" y="2315"/>
                </a:lnTo>
                <a:lnTo>
                  <a:pt x="1561" y="2391"/>
                </a:lnTo>
                <a:lnTo>
                  <a:pt x="1558" y="2459"/>
                </a:lnTo>
                <a:lnTo>
                  <a:pt x="1553" y="2526"/>
                </a:lnTo>
                <a:lnTo>
                  <a:pt x="1554" y="2536"/>
                </a:lnTo>
                <a:lnTo>
                  <a:pt x="1561" y="2544"/>
                </a:lnTo>
                <a:lnTo>
                  <a:pt x="1559" y="2565"/>
                </a:lnTo>
                <a:lnTo>
                  <a:pt x="1559" y="2584"/>
                </a:lnTo>
                <a:lnTo>
                  <a:pt x="1561" y="2596"/>
                </a:lnTo>
                <a:lnTo>
                  <a:pt x="1574" y="2609"/>
                </a:lnTo>
                <a:lnTo>
                  <a:pt x="1593" y="2611"/>
                </a:lnTo>
                <a:lnTo>
                  <a:pt x="1610" y="2602"/>
                </a:lnTo>
                <a:lnTo>
                  <a:pt x="1614" y="2592"/>
                </a:lnTo>
                <a:lnTo>
                  <a:pt x="1619" y="2562"/>
                </a:lnTo>
                <a:lnTo>
                  <a:pt x="1624" y="2534"/>
                </a:lnTo>
                <a:lnTo>
                  <a:pt x="1653" y="2513"/>
                </a:lnTo>
                <a:lnTo>
                  <a:pt x="1695" y="2462"/>
                </a:lnTo>
                <a:lnTo>
                  <a:pt x="1724" y="2402"/>
                </a:lnTo>
                <a:lnTo>
                  <a:pt x="1741" y="2333"/>
                </a:lnTo>
                <a:lnTo>
                  <a:pt x="1749" y="2224"/>
                </a:lnTo>
                <a:lnTo>
                  <a:pt x="1739" y="2079"/>
                </a:lnTo>
                <a:lnTo>
                  <a:pt x="1732" y="2015"/>
                </a:lnTo>
              </a:path>
            </a:pathLst>
          </a:custGeom>
          <a:solidFill>
            <a:schemeClr val="accent1">
              <a:lumMod val="75000"/>
            </a:schemeClr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8" name="TextBox 25">
            <a:extLst>
              <a:ext uri="{FF2B5EF4-FFF2-40B4-BE49-F238E27FC236}">
                <a16:creationId xmlns:a16="http://schemas.microsoft.com/office/drawing/2014/main" id="{76E290E1-B5CE-44CD-A1B4-24716D976535}"/>
              </a:ext>
            </a:extLst>
          </p:cNvPr>
          <p:cNvSpPr txBox="1"/>
          <p:nvPr/>
        </p:nvSpPr>
        <p:spPr>
          <a:xfrm>
            <a:off x="-327851" y="909228"/>
            <a:ext cx="3949788" cy="584775"/>
          </a:xfrm>
          <a:prstGeom prst="rect">
            <a:avLst/>
          </a:prstGeom>
          <a:noFill/>
        </p:spPr>
        <p:txBody>
          <a:bodyPr wrap="square" rtlCol="0" anchor="ctr">
            <a:spAutoFit/>
          </a:bodyPr>
          <a:lstStyle/>
          <a:p>
            <a:pPr marL="0" marR="0" lvl="0" indent="0" algn="ctr" defTabSz="914354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 pitchFamily="34" charset="0"/>
                <a:ea typeface="맑은 고딕"/>
                <a:cs typeface="Helvetica" panose="020B0604020202020204" pitchFamily="34" charset="0"/>
              </a:rPr>
              <a:t>Davranışlara etkisi</a:t>
            </a:r>
            <a:endParaRPr kumimoji="0" lang="en-US" sz="3200" b="0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Helvetica" panose="020B0604020202020204" pitchFamily="34" charset="0"/>
              <a:ea typeface="맑은 고딕"/>
              <a:cs typeface="Helvetica" panose="020B0604020202020204" pitchFamily="34" charset="0"/>
            </a:endParaRPr>
          </a:p>
        </p:txBody>
      </p:sp>
      <p:sp>
        <p:nvSpPr>
          <p:cNvPr id="3" name="Metin kutusu 2">
            <a:extLst>
              <a:ext uri="{FF2B5EF4-FFF2-40B4-BE49-F238E27FC236}">
                <a16:creationId xmlns:a16="http://schemas.microsoft.com/office/drawing/2014/main" id="{8CEC42FC-7B72-C05C-EFE3-DCECA31B559C}"/>
              </a:ext>
            </a:extLst>
          </p:cNvPr>
          <p:cNvSpPr txBox="1"/>
          <p:nvPr/>
        </p:nvSpPr>
        <p:spPr>
          <a:xfrm>
            <a:off x="4484618" y="2813690"/>
            <a:ext cx="2707575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Allah İnancı ve insan</a:t>
            </a:r>
            <a:endParaRPr lang="tr-TR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646949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1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9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" grpId="0" animBg="1"/>
      <p:bldP spid="34" grpId="0" animBg="1"/>
      <p:bldP spid="35" grpId="0" animBg="1"/>
      <p:bldP spid="37" grpId="0" animBg="1"/>
      <p:bldP spid="38" grpId="0" animBg="1"/>
      <p:bldP spid="40" grpId="0"/>
      <p:bldP spid="41" grpId="0"/>
      <p:bldP spid="43" grpId="0"/>
      <p:bldP spid="44" grpId="0"/>
      <p:bldP spid="45" grpId="0" animBg="1"/>
      <p:bldP spid="46" grpId="0"/>
      <p:bldP spid="47" grpId="0" animBg="1"/>
      <p:bldP spid="48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8" name="Grup 17"/>
          <p:cNvGrpSpPr/>
          <p:nvPr/>
        </p:nvGrpSpPr>
        <p:grpSpPr>
          <a:xfrm>
            <a:off x="363418" y="-300114"/>
            <a:ext cx="4379871" cy="2438401"/>
            <a:chOff x="191072" y="0"/>
            <a:chExt cx="4379871" cy="2438401"/>
          </a:xfrm>
        </p:grpSpPr>
        <p:sp>
          <p:nvSpPr>
            <p:cNvPr id="10" name="TextBox 52">
              <a:extLst>
                <a:ext uri="{FF2B5EF4-FFF2-40B4-BE49-F238E27FC236}">
                  <a16:creationId xmlns:a16="http://schemas.microsoft.com/office/drawing/2014/main" id="{36F2A3DF-B89B-479F-9421-5C9230156412}"/>
                </a:ext>
              </a:extLst>
            </p:cNvPr>
            <p:cNvSpPr txBox="1"/>
            <p:nvPr/>
          </p:nvSpPr>
          <p:spPr>
            <a:xfrm>
              <a:off x="191072" y="0"/>
              <a:ext cx="577452" cy="2438401"/>
            </a:xfrm>
            <a:prstGeom prst="rect">
              <a:avLst/>
            </a:prstGeom>
            <a:noFill/>
          </p:spPr>
          <p:txBody>
            <a:bodyPr wrap="square" lIns="0" tIns="0" rIns="0" bIns="0" rtlCol="0" anchor="ctr">
              <a:noAutofit/>
            </a:bodyPr>
            <a:lstStyle>
              <a:defPPr>
                <a:defRPr lang="en-US"/>
              </a:defPPr>
              <a:lvl1pPr algn="ctr">
                <a:defRPr sz="3200">
                  <a:latin typeface="나눔스퀘어 ExtraBold" panose="020B0600000101010101" pitchFamily="50" charset="-127"/>
                  <a:ea typeface="나눔스퀘어 ExtraBold" panose="020B0600000101010101" pitchFamily="50" charset="-127"/>
                </a:defRPr>
              </a:lvl1pPr>
            </a:lstStyle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altLang="ko-KR" sz="14400" b="1" i="0" u="none" strike="noStrike" kern="1200" cap="none" spc="0" normalizeH="0" baseline="0" noProof="0" dirty="0">
                  <a:ln>
                    <a:noFill/>
                  </a:ln>
                  <a:solidFill>
                    <a:srgbClr val="FFD38E"/>
                  </a:solidFill>
                  <a:effectLst/>
                  <a:uLnTx/>
                  <a:uFillTx/>
                  <a:latin typeface="Arial" panose="020B0604020202020204" pitchFamily="34" charset="0"/>
                  <a:ea typeface="맑은 고딕" panose="020B0503020000020004" pitchFamily="50" charset="-127"/>
                  <a:cs typeface="Arial" panose="020B0604020202020204" pitchFamily="34" charset="0"/>
                </a:rPr>
                <a:t>1</a:t>
              </a:r>
              <a:endParaRPr kumimoji="0" lang="ko-KR" altLang="en-US" sz="14400" b="1" i="0" u="none" strike="noStrike" kern="1200" cap="none" spc="0" normalizeH="0" baseline="0" noProof="0" dirty="0">
                <a:ln>
                  <a:noFill/>
                </a:ln>
                <a:solidFill>
                  <a:srgbClr val="FFD38E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50" charset="-127"/>
                <a:cs typeface="Arial" panose="020B0604020202020204" pitchFamily="34" charset="0"/>
              </a:endParaRPr>
            </a:p>
          </p:txBody>
        </p:sp>
        <p:grpSp>
          <p:nvGrpSpPr>
            <p:cNvPr id="17" name="Grup 16"/>
            <p:cNvGrpSpPr/>
            <p:nvPr/>
          </p:nvGrpSpPr>
          <p:grpSpPr>
            <a:xfrm>
              <a:off x="479798" y="577517"/>
              <a:ext cx="4091145" cy="1532708"/>
              <a:chOff x="479798" y="577517"/>
              <a:chExt cx="4091145" cy="1532708"/>
            </a:xfrm>
          </p:grpSpPr>
          <p:sp>
            <p:nvSpPr>
              <p:cNvPr id="13" name="TextBox 65">
                <a:extLst>
                  <a:ext uri="{FF2B5EF4-FFF2-40B4-BE49-F238E27FC236}">
                    <a16:creationId xmlns:a16="http://schemas.microsoft.com/office/drawing/2014/main" id="{196E9F0E-FA39-4478-A061-A67367EC3BEA}"/>
                  </a:ext>
                </a:extLst>
              </p:cNvPr>
              <p:cNvSpPr txBox="1"/>
              <p:nvPr/>
            </p:nvSpPr>
            <p:spPr>
              <a:xfrm>
                <a:off x="768524" y="771805"/>
                <a:ext cx="3291751" cy="984885"/>
              </a:xfrm>
              <a:prstGeom prst="rect">
                <a:avLst/>
              </a:prstGeom>
              <a:noFill/>
            </p:spPr>
            <p:txBody>
              <a:bodyPr wrap="square" lIns="0" tIns="0" rIns="0" bIns="0" rtlCol="0" anchor="ctr">
                <a:spAutoFit/>
              </a:bodyPr>
              <a:lstStyle>
                <a:defPPr>
                  <a:defRPr lang="en-US"/>
                </a:defPPr>
                <a:lvl1pPr algn="ctr">
                  <a:defRPr sz="3200">
                    <a:latin typeface="나눔스퀘어 ExtraBold" panose="020B0600000101010101" pitchFamily="50" charset="-127"/>
                    <a:ea typeface="나눔스퀘어 ExtraBold" panose="020B0600000101010101" pitchFamily="50" charset="-127"/>
                  </a:defRPr>
                </a:lvl1pPr>
              </a:lstStyle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altLang="ko-KR" sz="32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 panose="020B0503020000020004" pitchFamily="50" charset="-127"/>
                    <a:cs typeface="Arial" panose="020B0604020202020204" pitchFamily="34" charset="0"/>
                  </a:rPr>
                  <a:t>Allah inancının</a:t>
                </a:r>
              </a:p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altLang="ko-KR" sz="32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 panose="020B0503020000020004" pitchFamily="50" charset="-127"/>
                    <a:cs typeface="Arial" panose="020B0604020202020204" pitchFamily="34" charset="0"/>
                  </a:rPr>
                  <a:t>davranışlara etkisi</a:t>
                </a:r>
                <a:endParaRPr kumimoji="0" lang="ko-KR" altLang="en-US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Arial"/>
                  <a:ea typeface="맑은 고딕" panose="020B0503020000020004" pitchFamily="50" charset="-127"/>
                  <a:cs typeface="Arial" panose="020B0604020202020204" pitchFamily="34" charset="0"/>
                </a:endParaRPr>
              </a:p>
            </p:txBody>
          </p:sp>
          <p:grpSp>
            <p:nvGrpSpPr>
              <p:cNvPr id="14" name="그룹 3">
                <a:extLst>
                  <a:ext uri="{FF2B5EF4-FFF2-40B4-BE49-F238E27FC236}">
                    <a16:creationId xmlns:a16="http://schemas.microsoft.com/office/drawing/2014/main" id="{BDF7D3E5-4776-4011-AA3D-452BE8122580}"/>
                  </a:ext>
                </a:extLst>
              </p:cNvPr>
              <p:cNvGrpSpPr/>
              <p:nvPr/>
            </p:nvGrpSpPr>
            <p:grpSpPr>
              <a:xfrm>
                <a:off x="479798" y="577517"/>
                <a:ext cx="4091145" cy="1532708"/>
                <a:chOff x="920590" y="1422400"/>
                <a:chExt cx="2184560" cy="1100576"/>
              </a:xfrm>
              <a:solidFill>
                <a:srgbClr val="FFD38E"/>
              </a:solidFill>
            </p:grpSpPr>
            <p:sp>
              <p:nvSpPr>
                <p:cNvPr id="15" name="직사각형 1">
                  <a:extLst>
                    <a:ext uri="{FF2B5EF4-FFF2-40B4-BE49-F238E27FC236}">
                      <a16:creationId xmlns:a16="http://schemas.microsoft.com/office/drawing/2014/main" id="{D08A809F-A608-49F9-B44E-A128660ED25F}"/>
                    </a:ext>
                  </a:extLst>
                </p:cNvPr>
                <p:cNvSpPr/>
                <p:nvPr/>
              </p:nvSpPr>
              <p:spPr>
                <a:xfrm>
                  <a:off x="920590" y="2439016"/>
                  <a:ext cx="1882705" cy="83960"/>
                </a:xfrm>
                <a:prstGeom prst="rect">
                  <a:avLst/>
                </a:prstGeom>
                <a:grpFill/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lIns="0" tIns="0" rIns="0" bIns="0" rtlCol="0" anchor="ctr"/>
                <a:lstStyle/>
                <a:p>
                  <a:pPr marL="0" marR="0" lvl="0" indent="0" algn="ctr" defTabSz="914400" rtl="0" eaLnBrk="1" fontAlgn="auto" latinLnBrk="0" hangingPunct="1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ClrTx/>
                    <a:buSzTx/>
                    <a:buFontTx/>
                    <a:buNone/>
                    <a:tabLst/>
                    <a:defRPr/>
                  </a:pPr>
                  <a:endParaRPr kumimoji="0" lang="ko-KR" altLang="en-US" sz="1800" b="0" i="0" u="none" strike="noStrike" kern="1200" cap="none" spc="0" normalizeH="0" baseline="0" noProof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/>
                    <a:cs typeface="+mn-cs"/>
                  </a:endParaRPr>
                </a:p>
              </p:txBody>
            </p:sp>
            <p:sp>
              <p:nvSpPr>
                <p:cNvPr id="16" name="화살표: 갈매기형 수장 2">
                  <a:extLst>
                    <a:ext uri="{FF2B5EF4-FFF2-40B4-BE49-F238E27FC236}">
                      <a16:creationId xmlns:a16="http://schemas.microsoft.com/office/drawing/2014/main" id="{C70FFE5C-DD26-4DD8-8F0A-CF25EF341D28}"/>
                    </a:ext>
                  </a:extLst>
                </p:cNvPr>
                <p:cNvSpPr/>
                <p:nvPr/>
              </p:nvSpPr>
              <p:spPr>
                <a:xfrm>
                  <a:off x="2699792" y="1422400"/>
                  <a:ext cx="405358" cy="1100576"/>
                </a:xfrm>
                <a:prstGeom prst="chevron">
                  <a:avLst>
                    <a:gd name="adj" fmla="val 70365"/>
                  </a:avLst>
                </a:prstGeom>
                <a:grpFill/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lIns="0" tIns="0" rIns="0" bIns="0" rtlCol="0" anchor="ctr"/>
                <a:lstStyle/>
                <a:p>
                  <a:pPr marL="0" marR="0" lvl="0" indent="0" algn="ctr" defTabSz="914400" rtl="0" eaLnBrk="1" fontAlgn="auto" latinLnBrk="0" hangingPunct="1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ClrTx/>
                    <a:buSzTx/>
                    <a:buFontTx/>
                    <a:buNone/>
                    <a:tabLst/>
                    <a:defRPr/>
                  </a:pPr>
                  <a:endParaRPr kumimoji="0" lang="ko-KR" altLang="en-US" sz="1800" b="0" i="0" u="none" strike="noStrike" kern="1200" cap="none" spc="0" normalizeH="0" baseline="0" noProof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/>
                    <a:cs typeface="+mn-cs"/>
                  </a:endParaRPr>
                </a:p>
              </p:txBody>
            </p:sp>
          </p:grpSp>
        </p:grpSp>
      </p:grpSp>
      <p:pic>
        <p:nvPicPr>
          <p:cNvPr id="19" name="Resim 18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463774" y="825200"/>
            <a:ext cx="5728226" cy="5770471"/>
          </a:xfrm>
          <a:prstGeom prst="rect">
            <a:avLst/>
          </a:prstGeom>
        </p:spPr>
      </p:pic>
      <p:sp>
        <p:nvSpPr>
          <p:cNvPr id="20" name="Dikdörtgen 19"/>
          <p:cNvSpPr/>
          <p:nvPr/>
        </p:nvSpPr>
        <p:spPr>
          <a:xfrm>
            <a:off x="0" y="2498317"/>
            <a:ext cx="6550702" cy="39703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Kur’an-ı Kerim Allah (</a:t>
            </a:r>
            <a:r>
              <a:rPr kumimoji="0" lang="tr-TR" sz="28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c.c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.) inancını meyve veren bir ağaca benzetmiştir.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Allah inancının meyveleri faydalı davranışlardır.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Allah inancı insana bazı davranışları yönlendirir, bazı davranışlardan uzaklaştırı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3160333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" name="Title 1">
            <a:extLst>
              <a:ext uri="{FF2B5EF4-FFF2-40B4-BE49-F238E27FC236}">
                <a16:creationId xmlns:a16="http://schemas.microsoft.com/office/drawing/2014/main" id="{2C2BFAE1-45D3-4B3B-81D2-0BF25FA84FB8}"/>
              </a:ext>
            </a:extLst>
          </p:cNvPr>
          <p:cNvSpPr txBox="1">
            <a:spLocks/>
          </p:cNvSpPr>
          <p:nvPr/>
        </p:nvSpPr>
        <p:spPr>
          <a:xfrm>
            <a:off x="1708859" y="554338"/>
            <a:ext cx="8769389" cy="739056"/>
          </a:xfrm>
          <a:prstGeom prst="rect">
            <a:avLst/>
          </a:prstGeom>
        </p:spPr>
        <p:txBody>
          <a:bodyPr rIns="0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lang="en-US" sz="3600" b="1" kern="1200">
                <a:solidFill>
                  <a:schemeClr val="tx1"/>
                </a:solidFill>
                <a:latin typeface="Helvetica" panose="020B0500000000000000" pitchFamily="34" charset="0"/>
                <a:ea typeface="+mj-ea"/>
                <a:cs typeface="+mj-cs"/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sysClr val="windowText" lastClr="000000"/>
                </a:solidFill>
                <a:effectLst/>
                <a:uLnTx/>
                <a:uFillTx/>
                <a:latin typeface="Helvetica" panose="020B0500000000000000" pitchFamily="34" charset="0"/>
                <a:ea typeface="맑은 고딕"/>
                <a:cs typeface="+mj-cs"/>
              </a:rPr>
              <a:t>Allah İnancının Davranışlarımıza Etkisi</a:t>
            </a:r>
            <a:endParaRPr kumimoji="0" lang="en-US" sz="3600" b="1" i="0" u="none" strike="noStrike" kern="1200" cap="none" spc="0" normalizeH="0" baseline="0" noProof="0" dirty="0">
              <a:ln>
                <a:noFill/>
              </a:ln>
              <a:solidFill>
                <a:sysClr val="windowText" lastClr="000000"/>
              </a:solidFill>
              <a:effectLst/>
              <a:uLnTx/>
              <a:uFillTx/>
              <a:latin typeface="Helvetica" panose="020B0500000000000000" pitchFamily="34" charset="0"/>
              <a:ea typeface="맑은 고딕"/>
              <a:cs typeface="+mj-cs"/>
            </a:endParaRPr>
          </a:p>
        </p:txBody>
      </p:sp>
      <p:sp>
        <p:nvSpPr>
          <p:cNvPr id="38" name="Freeform: Shape 53">
            <a:extLst>
              <a:ext uri="{FF2B5EF4-FFF2-40B4-BE49-F238E27FC236}">
                <a16:creationId xmlns:a16="http://schemas.microsoft.com/office/drawing/2014/main" id="{5659471D-050E-43C8-92AE-DA1CB73008A5}"/>
              </a:ext>
            </a:extLst>
          </p:cNvPr>
          <p:cNvSpPr/>
          <p:nvPr/>
        </p:nvSpPr>
        <p:spPr>
          <a:xfrm>
            <a:off x="6093607" y="1926059"/>
            <a:ext cx="1472867" cy="1037023"/>
          </a:xfrm>
          <a:custGeom>
            <a:avLst/>
            <a:gdLst>
              <a:gd name="connsiteX0" fmla="*/ 2537 w 1472867"/>
              <a:gd name="connsiteY0" fmla="*/ 0 h 1037023"/>
              <a:gd name="connsiteX1" fmla="*/ 1472867 w 1472867"/>
              <a:gd name="connsiteY1" fmla="*/ 848896 h 1037023"/>
              <a:gd name="connsiteX2" fmla="*/ 1470551 w 1472867"/>
              <a:gd name="connsiteY2" fmla="*/ 850233 h 1037023"/>
              <a:gd name="connsiteX3" fmla="*/ 1467118 w 1472867"/>
              <a:gd name="connsiteY3" fmla="*/ 848504 h 1037023"/>
              <a:gd name="connsiteX4" fmla="*/ 1142347 w 1472867"/>
              <a:gd name="connsiteY4" fmla="*/ 1037023 h 1037023"/>
              <a:gd name="connsiteX5" fmla="*/ 3188 w 1472867"/>
              <a:gd name="connsiteY5" fmla="*/ 379329 h 1037023"/>
              <a:gd name="connsiteX6" fmla="*/ 4417 w 1472867"/>
              <a:gd name="connsiteY6" fmla="*/ 4553 h 1037023"/>
              <a:gd name="connsiteX7" fmla="*/ 0 w 1472867"/>
              <a:gd name="connsiteY7" fmla="*/ 1659 h 1037023"/>
              <a:gd name="connsiteX8" fmla="*/ 2537 w 1472867"/>
              <a:gd name="connsiteY8" fmla="*/ 0 h 103702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472867" h="1037023">
                <a:moveTo>
                  <a:pt x="2537" y="0"/>
                </a:moveTo>
                <a:lnTo>
                  <a:pt x="1472867" y="848896"/>
                </a:lnTo>
                <a:lnTo>
                  <a:pt x="1470551" y="850233"/>
                </a:lnTo>
                <a:lnTo>
                  <a:pt x="1467118" y="848504"/>
                </a:lnTo>
                <a:lnTo>
                  <a:pt x="1142347" y="1037023"/>
                </a:lnTo>
                <a:lnTo>
                  <a:pt x="3188" y="379329"/>
                </a:lnTo>
                <a:lnTo>
                  <a:pt x="4417" y="4553"/>
                </a:lnTo>
                <a:lnTo>
                  <a:pt x="0" y="1659"/>
                </a:lnTo>
                <a:lnTo>
                  <a:pt x="2537" y="0"/>
                </a:lnTo>
                <a:close/>
              </a:path>
            </a:pathLst>
          </a:custGeom>
          <a:solidFill>
            <a:srgbClr val="013D4D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39" name="Freeform: Shape 52">
            <a:extLst>
              <a:ext uri="{FF2B5EF4-FFF2-40B4-BE49-F238E27FC236}">
                <a16:creationId xmlns:a16="http://schemas.microsoft.com/office/drawing/2014/main" id="{27D42744-66FD-47B4-A1AB-A42EA5527916}"/>
              </a:ext>
            </a:extLst>
          </p:cNvPr>
          <p:cNvSpPr/>
          <p:nvPr/>
        </p:nvSpPr>
        <p:spPr>
          <a:xfrm>
            <a:off x="4625348" y="1926979"/>
            <a:ext cx="1468259" cy="1035794"/>
          </a:xfrm>
          <a:custGeom>
            <a:avLst/>
            <a:gdLst>
              <a:gd name="connsiteX0" fmla="*/ 1467132 w 1468259"/>
              <a:gd name="connsiteY0" fmla="*/ 0 h 1035794"/>
              <a:gd name="connsiteX1" fmla="*/ 1468259 w 1468259"/>
              <a:gd name="connsiteY1" fmla="*/ 738 h 1035794"/>
              <a:gd name="connsiteX2" fmla="*/ 1465246 w 1468259"/>
              <a:gd name="connsiteY2" fmla="*/ 2708 h 1035794"/>
              <a:gd name="connsiteX3" fmla="*/ 1466837 w 1468259"/>
              <a:gd name="connsiteY3" fmla="*/ 379124 h 1035794"/>
              <a:gd name="connsiteX4" fmla="*/ 329452 w 1468259"/>
              <a:gd name="connsiteY4" fmla="*/ 1035794 h 1035794"/>
              <a:gd name="connsiteX5" fmla="*/ 5918 w 1468259"/>
              <a:gd name="connsiteY5" fmla="*/ 847583 h 1035794"/>
              <a:gd name="connsiteX6" fmla="*/ 3251 w 1468259"/>
              <a:gd name="connsiteY6" fmla="*/ 848929 h 1035794"/>
              <a:gd name="connsiteX7" fmla="*/ 0 w 1468259"/>
              <a:gd name="connsiteY7" fmla="*/ 847049 h 1035794"/>
              <a:gd name="connsiteX8" fmla="*/ 1467132 w 1468259"/>
              <a:gd name="connsiteY8" fmla="*/ 0 h 103579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468259" h="1035794">
                <a:moveTo>
                  <a:pt x="1467132" y="0"/>
                </a:moveTo>
                <a:lnTo>
                  <a:pt x="1468259" y="738"/>
                </a:lnTo>
                <a:lnTo>
                  <a:pt x="1465246" y="2708"/>
                </a:lnTo>
                <a:lnTo>
                  <a:pt x="1466837" y="379124"/>
                </a:lnTo>
                <a:lnTo>
                  <a:pt x="329452" y="1035794"/>
                </a:lnTo>
                <a:lnTo>
                  <a:pt x="5918" y="847583"/>
                </a:lnTo>
                <a:lnTo>
                  <a:pt x="3251" y="848929"/>
                </a:lnTo>
                <a:lnTo>
                  <a:pt x="0" y="847049"/>
                </a:lnTo>
                <a:lnTo>
                  <a:pt x="1467132" y="0"/>
                </a:lnTo>
                <a:close/>
              </a:path>
            </a:pathLst>
          </a:custGeom>
          <a:solidFill>
            <a:srgbClr val="D9126B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0" name="Freeform: Shape 49">
            <a:extLst>
              <a:ext uri="{FF2B5EF4-FFF2-40B4-BE49-F238E27FC236}">
                <a16:creationId xmlns:a16="http://schemas.microsoft.com/office/drawing/2014/main" id="{5BEA1882-D0D6-4BC8-9D9B-D1FB883BAF8B}"/>
              </a:ext>
            </a:extLst>
          </p:cNvPr>
          <p:cNvSpPr/>
          <p:nvPr/>
        </p:nvSpPr>
        <p:spPr>
          <a:xfrm>
            <a:off x="4625347" y="2775908"/>
            <a:ext cx="331142" cy="1695738"/>
          </a:xfrm>
          <a:custGeom>
            <a:avLst/>
            <a:gdLst>
              <a:gd name="connsiteX0" fmla="*/ 3251 w 331142"/>
              <a:gd name="connsiteY0" fmla="*/ 0 h 1695738"/>
              <a:gd name="connsiteX1" fmla="*/ 327938 w 331142"/>
              <a:gd name="connsiteY1" fmla="*/ 187739 h 1695738"/>
              <a:gd name="connsiteX2" fmla="*/ 329452 w 331142"/>
              <a:gd name="connsiteY2" fmla="*/ 186865 h 1695738"/>
              <a:gd name="connsiteX3" fmla="*/ 331142 w 331142"/>
              <a:gd name="connsiteY3" fmla="*/ 187848 h 1695738"/>
              <a:gd name="connsiteX4" fmla="*/ 328183 w 331142"/>
              <a:gd name="connsiteY4" fmla="*/ 190833 h 1695738"/>
              <a:gd name="connsiteX5" fmla="*/ 328183 w 331142"/>
              <a:gd name="connsiteY5" fmla="*/ 1504798 h 1695738"/>
              <a:gd name="connsiteX6" fmla="*/ 2957 w 331142"/>
              <a:gd name="connsiteY6" fmla="*/ 1691147 h 1695738"/>
              <a:gd name="connsiteX7" fmla="*/ 2789 w 331142"/>
              <a:gd name="connsiteY7" fmla="*/ 1694130 h 1695738"/>
              <a:gd name="connsiteX8" fmla="*/ 0 w 331142"/>
              <a:gd name="connsiteY8" fmla="*/ 1695738 h 1695738"/>
              <a:gd name="connsiteX9" fmla="*/ 0 w 331142"/>
              <a:gd name="connsiteY9" fmla="*/ 1640 h 1695738"/>
              <a:gd name="connsiteX10" fmla="*/ 3251 w 331142"/>
              <a:gd name="connsiteY10" fmla="*/ 0 h 169573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</a:cxnLst>
            <a:rect l="l" t="t" r="r" b="b"/>
            <a:pathLst>
              <a:path w="331142" h="1695738">
                <a:moveTo>
                  <a:pt x="3251" y="0"/>
                </a:moveTo>
                <a:lnTo>
                  <a:pt x="327938" y="187739"/>
                </a:lnTo>
                <a:lnTo>
                  <a:pt x="329452" y="186865"/>
                </a:lnTo>
                <a:lnTo>
                  <a:pt x="331142" y="187848"/>
                </a:lnTo>
                <a:lnTo>
                  <a:pt x="328183" y="190833"/>
                </a:lnTo>
                <a:lnTo>
                  <a:pt x="328183" y="1504798"/>
                </a:lnTo>
                <a:lnTo>
                  <a:pt x="2957" y="1691147"/>
                </a:lnTo>
                <a:lnTo>
                  <a:pt x="2789" y="1694130"/>
                </a:lnTo>
                <a:lnTo>
                  <a:pt x="0" y="1695738"/>
                </a:lnTo>
                <a:lnTo>
                  <a:pt x="0" y="1640"/>
                </a:lnTo>
                <a:lnTo>
                  <a:pt x="3251" y="0"/>
                </a:lnTo>
                <a:close/>
              </a:path>
            </a:pathLst>
          </a:custGeom>
          <a:solidFill>
            <a:srgbClr val="FE7600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1" name="Freeform: Shape 48">
            <a:extLst>
              <a:ext uri="{FF2B5EF4-FFF2-40B4-BE49-F238E27FC236}">
                <a16:creationId xmlns:a16="http://schemas.microsoft.com/office/drawing/2014/main" id="{80DD8843-FABC-4BB1-92F1-A008FBCC104A}"/>
              </a:ext>
            </a:extLst>
          </p:cNvPr>
          <p:cNvSpPr/>
          <p:nvPr/>
        </p:nvSpPr>
        <p:spPr>
          <a:xfrm>
            <a:off x="7234790" y="2776292"/>
            <a:ext cx="331864" cy="1695355"/>
          </a:xfrm>
          <a:custGeom>
            <a:avLst/>
            <a:gdLst>
              <a:gd name="connsiteX0" fmla="*/ 329367 w 331864"/>
              <a:gd name="connsiteY0" fmla="*/ 0 h 1695355"/>
              <a:gd name="connsiteX1" fmla="*/ 331864 w 331864"/>
              <a:gd name="connsiteY1" fmla="*/ 1257 h 1695355"/>
              <a:gd name="connsiteX2" fmla="*/ 331864 w 331864"/>
              <a:gd name="connsiteY2" fmla="*/ 1695355 h 1695355"/>
              <a:gd name="connsiteX3" fmla="*/ 328940 w 331864"/>
              <a:gd name="connsiteY3" fmla="*/ 1693673 h 1695355"/>
              <a:gd name="connsiteX4" fmla="*/ 328727 w 331864"/>
              <a:gd name="connsiteY4" fmla="*/ 1689840 h 1695355"/>
              <a:gd name="connsiteX5" fmla="*/ 2966 w 331864"/>
              <a:gd name="connsiteY5" fmla="*/ 1503593 h 1695355"/>
              <a:gd name="connsiteX6" fmla="*/ 2966 w 331864"/>
              <a:gd name="connsiteY6" fmla="*/ 190450 h 1695355"/>
              <a:gd name="connsiteX7" fmla="*/ 0 w 331864"/>
              <a:gd name="connsiteY7" fmla="*/ 187465 h 1695355"/>
              <a:gd name="connsiteX8" fmla="*/ 1163 w 331864"/>
              <a:gd name="connsiteY8" fmla="*/ 186790 h 1695355"/>
              <a:gd name="connsiteX9" fmla="*/ 3388 w 331864"/>
              <a:gd name="connsiteY9" fmla="*/ 188075 h 1695355"/>
              <a:gd name="connsiteX10" fmla="*/ 329367 w 331864"/>
              <a:gd name="connsiteY10" fmla="*/ 0 h 169535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</a:cxnLst>
            <a:rect l="l" t="t" r="r" b="b"/>
            <a:pathLst>
              <a:path w="331864" h="1695355">
                <a:moveTo>
                  <a:pt x="329367" y="0"/>
                </a:moveTo>
                <a:lnTo>
                  <a:pt x="331864" y="1257"/>
                </a:lnTo>
                <a:lnTo>
                  <a:pt x="331864" y="1695355"/>
                </a:lnTo>
                <a:lnTo>
                  <a:pt x="328940" y="1693673"/>
                </a:lnTo>
                <a:lnTo>
                  <a:pt x="328727" y="1689840"/>
                </a:lnTo>
                <a:lnTo>
                  <a:pt x="2966" y="1503593"/>
                </a:lnTo>
                <a:lnTo>
                  <a:pt x="2966" y="190450"/>
                </a:lnTo>
                <a:lnTo>
                  <a:pt x="0" y="187465"/>
                </a:lnTo>
                <a:lnTo>
                  <a:pt x="1163" y="186790"/>
                </a:lnTo>
                <a:lnTo>
                  <a:pt x="3388" y="188075"/>
                </a:lnTo>
                <a:lnTo>
                  <a:pt x="329367" y="0"/>
                </a:lnTo>
                <a:close/>
              </a:path>
            </a:pathLst>
          </a:custGeom>
          <a:solidFill>
            <a:srgbClr val="00A891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2" name="Freeform: Shape 47">
            <a:extLst>
              <a:ext uri="{FF2B5EF4-FFF2-40B4-BE49-F238E27FC236}">
                <a16:creationId xmlns:a16="http://schemas.microsoft.com/office/drawing/2014/main" id="{E93ACBD2-1654-43E9-89AD-5E4EC331C7ED}"/>
              </a:ext>
            </a:extLst>
          </p:cNvPr>
          <p:cNvSpPr/>
          <p:nvPr/>
        </p:nvSpPr>
        <p:spPr>
          <a:xfrm>
            <a:off x="6093554" y="4279281"/>
            <a:ext cx="1470330" cy="1042366"/>
          </a:xfrm>
          <a:custGeom>
            <a:avLst/>
            <a:gdLst>
              <a:gd name="connsiteX0" fmla="*/ 1143147 w 1470330"/>
              <a:gd name="connsiteY0" fmla="*/ 0 h 1042366"/>
              <a:gd name="connsiteX1" fmla="*/ 1144202 w 1470330"/>
              <a:gd name="connsiteY1" fmla="*/ 603 h 1042366"/>
              <a:gd name="connsiteX2" fmla="*/ 1144202 w 1470330"/>
              <a:gd name="connsiteY2" fmla="*/ 3172 h 1042366"/>
              <a:gd name="connsiteX3" fmla="*/ 1470176 w 1470330"/>
              <a:gd name="connsiteY3" fmla="*/ 190683 h 1042366"/>
              <a:gd name="connsiteX4" fmla="*/ 1470330 w 1470330"/>
              <a:gd name="connsiteY4" fmla="*/ 193471 h 1042366"/>
              <a:gd name="connsiteX5" fmla="*/ 0 w 1470330"/>
              <a:gd name="connsiteY5" fmla="*/ 1042366 h 1042366"/>
              <a:gd name="connsiteX6" fmla="*/ 1 w 1470330"/>
              <a:gd name="connsiteY6" fmla="*/ 1040570 h 1042366"/>
              <a:gd name="connsiteX7" fmla="*/ 1510 w 1470330"/>
              <a:gd name="connsiteY7" fmla="*/ 1041441 h 1042366"/>
              <a:gd name="connsiteX8" fmla="*/ 1755 w 1470330"/>
              <a:gd name="connsiteY8" fmla="*/ 662629 h 1042366"/>
              <a:gd name="connsiteX9" fmla="*/ 1556 w 1470330"/>
              <a:gd name="connsiteY9" fmla="*/ 662514 h 1042366"/>
              <a:gd name="connsiteX10" fmla="*/ 1142035 w 1470330"/>
              <a:gd name="connsiteY10" fmla="*/ 4059 h 1042366"/>
              <a:gd name="connsiteX11" fmla="*/ 1143147 w 1470330"/>
              <a:gd name="connsiteY11" fmla="*/ 0 h 104236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</a:cxnLst>
            <a:rect l="l" t="t" r="r" b="b"/>
            <a:pathLst>
              <a:path w="1470330" h="1042366">
                <a:moveTo>
                  <a:pt x="1143147" y="0"/>
                </a:moveTo>
                <a:lnTo>
                  <a:pt x="1144202" y="603"/>
                </a:lnTo>
                <a:lnTo>
                  <a:pt x="1144202" y="3172"/>
                </a:lnTo>
                <a:lnTo>
                  <a:pt x="1470176" y="190683"/>
                </a:lnTo>
                <a:lnTo>
                  <a:pt x="1470330" y="193471"/>
                </a:lnTo>
                <a:lnTo>
                  <a:pt x="0" y="1042366"/>
                </a:lnTo>
                <a:lnTo>
                  <a:pt x="1" y="1040570"/>
                </a:lnTo>
                <a:lnTo>
                  <a:pt x="1510" y="1041441"/>
                </a:lnTo>
                <a:lnTo>
                  <a:pt x="1755" y="662629"/>
                </a:lnTo>
                <a:lnTo>
                  <a:pt x="1556" y="662514"/>
                </a:lnTo>
                <a:lnTo>
                  <a:pt x="1142035" y="4059"/>
                </a:lnTo>
                <a:lnTo>
                  <a:pt x="1143147" y="0"/>
                </a:lnTo>
                <a:close/>
              </a:path>
            </a:pathLst>
          </a:custGeom>
          <a:solidFill>
            <a:srgbClr val="B1DB15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3" name="Freeform: Shape 46">
            <a:extLst>
              <a:ext uri="{FF2B5EF4-FFF2-40B4-BE49-F238E27FC236}">
                <a16:creationId xmlns:a16="http://schemas.microsoft.com/office/drawing/2014/main" id="{F6DD3F75-E39B-4EC2-B6D6-855307DCEDBF}"/>
              </a:ext>
            </a:extLst>
          </p:cNvPr>
          <p:cNvSpPr/>
          <p:nvPr/>
        </p:nvSpPr>
        <p:spPr>
          <a:xfrm>
            <a:off x="4627932" y="4279999"/>
            <a:ext cx="1467179" cy="1039852"/>
          </a:xfrm>
          <a:custGeom>
            <a:avLst/>
            <a:gdLst>
              <a:gd name="connsiteX0" fmla="*/ 326832 w 1467179"/>
              <a:gd name="connsiteY0" fmla="*/ 0 h 1039852"/>
              <a:gd name="connsiteX1" fmla="*/ 327938 w 1467179"/>
              <a:gd name="connsiteY1" fmla="*/ 4055 h 1039852"/>
              <a:gd name="connsiteX2" fmla="*/ 1467179 w 1467179"/>
              <a:gd name="connsiteY2" fmla="*/ 661796 h 1039852"/>
              <a:gd name="connsiteX3" fmla="*/ 1465735 w 1467179"/>
              <a:gd name="connsiteY3" fmla="*/ 662630 h 1039852"/>
              <a:gd name="connsiteX4" fmla="*/ 1465624 w 1467179"/>
              <a:gd name="connsiteY4" fmla="*/ 1039852 h 1039852"/>
              <a:gd name="connsiteX5" fmla="*/ 0 w 1467179"/>
              <a:gd name="connsiteY5" fmla="*/ 193674 h 1039852"/>
              <a:gd name="connsiteX6" fmla="*/ 205 w 1467179"/>
              <a:gd name="connsiteY6" fmla="*/ 190039 h 1039852"/>
              <a:gd name="connsiteX7" fmla="*/ 325599 w 1467179"/>
              <a:gd name="connsiteY7" fmla="*/ 2454 h 1039852"/>
              <a:gd name="connsiteX8" fmla="*/ 325599 w 1467179"/>
              <a:gd name="connsiteY8" fmla="*/ 707 h 1039852"/>
              <a:gd name="connsiteX9" fmla="*/ 326832 w 1467179"/>
              <a:gd name="connsiteY9" fmla="*/ 0 h 103985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</a:cxnLst>
            <a:rect l="l" t="t" r="r" b="b"/>
            <a:pathLst>
              <a:path w="1467179" h="1039852">
                <a:moveTo>
                  <a:pt x="326832" y="0"/>
                </a:moveTo>
                <a:lnTo>
                  <a:pt x="327938" y="4055"/>
                </a:lnTo>
                <a:lnTo>
                  <a:pt x="1467179" y="661796"/>
                </a:lnTo>
                <a:lnTo>
                  <a:pt x="1465735" y="662630"/>
                </a:lnTo>
                <a:lnTo>
                  <a:pt x="1465624" y="1039852"/>
                </a:lnTo>
                <a:lnTo>
                  <a:pt x="0" y="193674"/>
                </a:lnTo>
                <a:lnTo>
                  <a:pt x="205" y="190039"/>
                </a:lnTo>
                <a:lnTo>
                  <a:pt x="325599" y="2454"/>
                </a:lnTo>
                <a:lnTo>
                  <a:pt x="325599" y="707"/>
                </a:lnTo>
                <a:lnTo>
                  <a:pt x="326832" y="0"/>
                </a:lnTo>
                <a:close/>
              </a:path>
            </a:pathLst>
          </a:custGeom>
          <a:solidFill>
            <a:srgbClr val="FFE200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4" name="Freeform: Shape 70">
            <a:extLst>
              <a:ext uri="{FF2B5EF4-FFF2-40B4-BE49-F238E27FC236}">
                <a16:creationId xmlns:a16="http://schemas.microsoft.com/office/drawing/2014/main" id="{5FC3396D-373A-4450-AFF4-226836DD6454}"/>
              </a:ext>
            </a:extLst>
          </p:cNvPr>
          <p:cNvSpPr/>
          <p:nvPr/>
        </p:nvSpPr>
        <p:spPr>
          <a:xfrm>
            <a:off x="4625347" y="1926059"/>
            <a:ext cx="2941307" cy="3395588"/>
          </a:xfrm>
          <a:custGeom>
            <a:avLst/>
            <a:gdLst>
              <a:gd name="connsiteX0" fmla="*/ 169708 w 2941307"/>
              <a:gd name="connsiteY0" fmla="*/ 943473 h 3395588"/>
              <a:gd name="connsiteX1" fmla="*/ 329723 w 2941307"/>
              <a:gd name="connsiteY1" fmla="*/ 1036559 h 3395588"/>
              <a:gd name="connsiteX2" fmla="*/ 329722 w 2941307"/>
              <a:gd name="connsiteY2" fmla="*/ 1036559 h 3395588"/>
              <a:gd name="connsiteX3" fmla="*/ 169708 w 2941307"/>
              <a:gd name="connsiteY3" fmla="*/ 943474 h 3395588"/>
              <a:gd name="connsiteX4" fmla="*/ 169422 w 2941307"/>
              <a:gd name="connsiteY4" fmla="*/ 943618 h 3395588"/>
              <a:gd name="connsiteX5" fmla="*/ 169421 w 2941307"/>
              <a:gd name="connsiteY5" fmla="*/ 943618 h 3395588"/>
              <a:gd name="connsiteX6" fmla="*/ 2938810 w 2941307"/>
              <a:gd name="connsiteY6" fmla="*/ 850233 h 3395588"/>
              <a:gd name="connsiteX7" fmla="*/ 2941307 w 2941307"/>
              <a:gd name="connsiteY7" fmla="*/ 851490 h 3395588"/>
              <a:gd name="connsiteX8" fmla="*/ 2941307 w 2941307"/>
              <a:gd name="connsiteY8" fmla="*/ 2545588 h 3395588"/>
              <a:gd name="connsiteX9" fmla="*/ 2938383 w 2941307"/>
              <a:gd name="connsiteY9" fmla="*/ 2543906 h 3395588"/>
              <a:gd name="connsiteX10" fmla="*/ 2938537 w 2941307"/>
              <a:gd name="connsiteY10" fmla="*/ 2546693 h 3395588"/>
              <a:gd name="connsiteX11" fmla="*/ 1468207 w 2941307"/>
              <a:gd name="connsiteY11" fmla="*/ 3395588 h 3395588"/>
              <a:gd name="connsiteX12" fmla="*/ 1468208 w 2941307"/>
              <a:gd name="connsiteY12" fmla="*/ 3393792 h 3395588"/>
              <a:gd name="connsiteX13" fmla="*/ 2585 w 2941307"/>
              <a:gd name="connsiteY13" fmla="*/ 2547614 h 3395588"/>
              <a:gd name="connsiteX14" fmla="*/ 2790 w 2941307"/>
              <a:gd name="connsiteY14" fmla="*/ 2543979 h 3395588"/>
              <a:gd name="connsiteX15" fmla="*/ 164451 w 2941307"/>
              <a:gd name="connsiteY15" fmla="*/ 2450784 h 3395588"/>
              <a:gd name="connsiteX16" fmla="*/ 164451 w 2941307"/>
              <a:gd name="connsiteY16" fmla="*/ 2450786 h 3395588"/>
              <a:gd name="connsiteX17" fmla="*/ 166928 w 2941307"/>
              <a:gd name="connsiteY17" fmla="*/ 2449358 h 3395588"/>
              <a:gd name="connsiteX18" fmla="*/ 329829 w 2941307"/>
              <a:gd name="connsiteY18" fmla="*/ 2355448 h 3395588"/>
              <a:gd name="connsiteX19" fmla="*/ 329829 w 2941307"/>
              <a:gd name="connsiteY19" fmla="*/ 2355448 h 3395588"/>
              <a:gd name="connsiteX20" fmla="*/ 166929 w 2941307"/>
              <a:gd name="connsiteY20" fmla="*/ 2449358 h 3395588"/>
              <a:gd name="connsiteX21" fmla="*/ 166747 w 2941307"/>
              <a:gd name="connsiteY21" fmla="*/ 2452586 h 3395588"/>
              <a:gd name="connsiteX22" fmla="*/ 1468481 w 2941307"/>
              <a:gd name="connsiteY22" fmla="*/ 3204143 h 3395588"/>
              <a:gd name="connsiteX23" fmla="*/ 1468480 w 2941307"/>
              <a:gd name="connsiteY23" fmla="*/ 3205738 h 3395588"/>
              <a:gd name="connsiteX24" fmla="*/ 2774395 w 2941307"/>
              <a:gd name="connsiteY24" fmla="*/ 2451768 h 3395588"/>
              <a:gd name="connsiteX25" fmla="*/ 2774258 w 2941307"/>
              <a:gd name="connsiteY25" fmla="*/ 2449293 h 3395588"/>
              <a:gd name="connsiteX26" fmla="*/ 2776855 w 2941307"/>
              <a:gd name="connsiteY26" fmla="*/ 2450787 h 3395588"/>
              <a:gd name="connsiteX27" fmla="*/ 2776855 w 2941307"/>
              <a:gd name="connsiteY27" fmla="*/ 946126 h 3395588"/>
              <a:gd name="connsiteX28" fmla="*/ 2774637 w 2941307"/>
              <a:gd name="connsiteY28" fmla="*/ 945010 h 3395588"/>
              <a:gd name="connsiteX29" fmla="*/ 2611099 w 2941307"/>
              <a:gd name="connsiteY29" fmla="*/ 1039364 h 3395588"/>
              <a:gd name="connsiteX30" fmla="*/ 2611098 w 2941307"/>
              <a:gd name="connsiteY30" fmla="*/ 1039363 h 3395588"/>
              <a:gd name="connsiteX31" fmla="*/ 2774637 w 2941307"/>
              <a:gd name="connsiteY31" fmla="*/ 945009 h 3395588"/>
              <a:gd name="connsiteX32" fmla="*/ 2774638 w 2941307"/>
              <a:gd name="connsiteY32" fmla="*/ 945010 h 3395588"/>
              <a:gd name="connsiteX33" fmla="*/ 2776695 w 2941307"/>
              <a:gd name="connsiteY33" fmla="*/ 943822 h 3395588"/>
              <a:gd name="connsiteX34" fmla="*/ 2776647 w 2941307"/>
              <a:gd name="connsiteY34" fmla="*/ 943794 h 3395588"/>
              <a:gd name="connsiteX35" fmla="*/ 5919 w 2941307"/>
              <a:gd name="connsiteY35" fmla="*/ 848504 h 3395588"/>
              <a:gd name="connsiteX36" fmla="*/ 166411 w 2941307"/>
              <a:gd name="connsiteY36" fmla="*/ 941868 h 3395588"/>
              <a:gd name="connsiteX37" fmla="*/ 164452 w 2941307"/>
              <a:gd name="connsiteY37" fmla="*/ 942999 h 3395588"/>
              <a:gd name="connsiteX38" fmla="*/ 167340 w 2941307"/>
              <a:gd name="connsiteY38" fmla="*/ 944668 h 3395588"/>
              <a:gd name="connsiteX39" fmla="*/ 169420 w 2941307"/>
              <a:gd name="connsiteY39" fmla="*/ 943618 h 3395588"/>
              <a:gd name="connsiteX40" fmla="*/ 169421 w 2941307"/>
              <a:gd name="connsiteY40" fmla="*/ 943619 h 3395588"/>
              <a:gd name="connsiteX41" fmla="*/ 167340 w 2941307"/>
              <a:gd name="connsiteY41" fmla="*/ 944669 h 3395588"/>
              <a:gd name="connsiteX42" fmla="*/ 167339 w 2941307"/>
              <a:gd name="connsiteY42" fmla="*/ 944668 h 3395588"/>
              <a:gd name="connsiteX43" fmla="*/ 164451 w 2941307"/>
              <a:gd name="connsiteY43" fmla="*/ 946125 h 3395588"/>
              <a:gd name="connsiteX44" fmla="*/ 164451 w 2941307"/>
              <a:gd name="connsiteY44" fmla="*/ 2450783 h 3395588"/>
              <a:gd name="connsiteX45" fmla="*/ 2789 w 2941307"/>
              <a:gd name="connsiteY45" fmla="*/ 2543979 h 3395588"/>
              <a:gd name="connsiteX46" fmla="*/ 0 w 2941307"/>
              <a:gd name="connsiteY46" fmla="*/ 2545587 h 3395588"/>
              <a:gd name="connsiteX47" fmla="*/ 0 w 2941307"/>
              <a:gd name="connsiteY47" fmla="*/ 851489 h 3395588"/>
              <a:gd name="connsiteX48" fmla="*/ 3251 w 2941307"/>
              <a:gd name="connsiteY48" fmla="*/ 849849 h 3395588"/>
              <a:gd name="connsiteX49" fmla="*/ 3252 w 2941307"/>
              <a:gd name="connsiteY49" fmla="*/ 849850 h 3395588"/>
              <a:gd name="connsiteX50" fmla="*/ 1472450 w 2941307"/>
              <a:gd name="connsiteY50" fmla="*/ 193895 h 3395588"/>
              <a:gd name="connsiteX51" fmla="*/ 1472450 w 2941307"/>
              <a:gd name="connsiteY51" fmla="*/ 193895 h 3395588"/>
              <a:gd name="connsiteX52" fmla="*/ 1471841 w 2941307"/>
              <a:gd name="connsiteY52" fmla="*/ 379556 h 3395588"/>
              <a:gd name="connsiteX53" fmla="*/ 1471841 w 2941307"/>
              <a:gd name="connsiteY53" fmla="*/ 379556 h 3395588"/>
              <a:gd name="connsiteX54" fmla="*/ 1470797 w 2941307"/>
              <a:gd name="connsiteY54" fmla="*/ 0 h 3395588"/>
              <a:gd name="connsiteX55" fmla="*/ 2941127 w 2941307"/>
              <a:gd name="connsiteY55" fmla="*/ 848896 h 3395588"/>
              <a:gd name="connsiteX56" fmla="*/ 2938811 w 2941307"/>
              <a:gd name="connsiteY56" fmla="*/ 850233 h 3395588"/>
              <a:gd name="connsiteX57" fmla="*/ 2938810 w 2941307"/>
              <a:gd name="connsiteY57" fmla="*/ 850232 h 3395588"/>
              <a:gd name="connsiteX58" fmla="*/ 2776646 w 2941307"/>
              <a:gd name="connsiteY58" fmla="*/ 943794 h 3395588"/>
              <a:gd name="connsiteX59" fmla="*/ 1472067 w 2941307"/>
              <a:gd name="connsiteY59" fmla="*/ 190594 h 3395588"/>
              <a:gd name="connsiteX60" fmla="*/ 1472677 w 2941307"/>
              <a:gd name="connsiteY60" fmla="*/ 4553 h 3395588"/>
              <a:gd name="connsiteX61" fmla="*/ 1472676 w 2941307"/>
              <a:gd name="connsiteY61" fmla="*/ 4553 h 3395588"/>
              <a:gd name="connsiteX62" fmla="*/ 1472066 w 2941307"/>
              <a:gd name="connsiteY62" fmla="*/ 190593 h 3395588"/>
              <a:gd name="connsiteX63" fmla="*/ 1470781 w 2941307"/>
              <a:gd name="connsiteY63" fmla="*/ 189851 h 3395588"/>
              <a:gd name="connsiteX64" fmla="*/ 1468528 w 2941307"/>
              <a:gd name="connsiteY64" fmla="*/ 191325 h 3395588"/>
              <a:gd name="connsiteX65" fmla="*/ 1468526 w 2941307"/>
              <a:gd name="connsiteY65" fmla="*/ 191325 h 3395588"/>
              <a:gd name="connsiteX66" fmla="*/ 1468527 w 2941307"/>
              <a:gd name="connsiteY66" fmla="*/ 191324 h 3395588"/>
              <a:gd name="connsiteX67" fmla="*/ 1467526 w 2941307"/>
              <a:gd name="connsiteY67" fmla="*/ 190668 h 3395588"/>
              <a:gd name="connsiteX68" fmla="*/ 166412 w 2941307"/>
              <a:gd name="connsiteY68" fmla="*/ 941867 h 3395588"/>
              <a:gd name="connsiteX69" fmla="*/ 5919 w 2941307"/>
              <a:gd name="connsiteY69" fmla="*/ 848503 h 3395588"/>
              <a:gd name="connsiteX70" fmla="*/ 3252 w 2941307"/>
              <a:gd name="connsiteY70" fmla="*/ 849849 h 3395588"/>
              <a:gd name="connsiteX71" fmla="*/ 1 w 2941307"/>
              <a:gd name="connsiteY71" fmla="*/ 847969 h 3395588"/>
              <a:gd name="connsiteX72" fmla="*/ 1467133 w 2941307"/>
              <a:gd name="connsiteY72" fmla="*/ 920 h 3395588"/>
              <a:gd name="connsiteX73" fmla="*/ 1468260 w 2941307"/>
              <a:gd name="connsiteY73" fmla="*/ 1658 h 3395588"/>
              <a:gd name="connsiteX74" fmla="*/ 1468259 w 2941307"/>
              <a:gd name="connsiteY74" fmla="*/ 1659 h 3395588"/>
              <a:gd name="connsiteX75" fmla="*/ 1468261 w 2941307"/>
              <a:gd name="connsiteY75" fmla="*/ 1659 h 33955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</a:cxnLst>
            <a:rect l="l" t="t" r="r" b="b"/>
            <a:pathLst>
              <a:path w="2941307" h="3395588">
                <a:moveTo>
                  <a:pt x="169708" y="943473"/>
                </a:moveTo>
                <a:lnTo>
                  <a:pt x="329723" y="1036559"/>
                </a:lnTo>
                <a:lnTo>
                  <a:pt x="329722" y="1036559"/>
                </a:lnTo>
                <a:lnTo>
                  <a:pt x="169708" y="943474"/>
                </a:lnTo>
                <a:lnTo>
                  <a:pt x="169422" y="943618"/>
                </a:lnTo>
                <a:lnTo>
                  <a:pt x="169421" y="943618"/>
                </a:lnTo>
                <a:close/>
                <a:moveTo>
                  <a:pt x="2938810" y="850233"/>
                </a:moveTo>
                <a:lnTo>
                  <a:pt x="2941307" y="851490"/>
                </a:lnTo>
                <a:lnTo>
                  <a:pt x="2941307" y="2545588"/>
                </a:lnTo>
                <a:lnTo>
                  <a:pt x="2938383" y="2543906"/>
                </a:lnTo>
                <a:lnTo>
                  <a:pt x="2938537" y="2546693"/>
                </a:lnTo>
                <a:lnTo>
                  <a:pt x="1468207" y="3395588"/>
                </a:lnTo>
                <a:lnTo>
                  <a:pt x="1468208" y="3393792"/>
                </a:lnTo>
                <a:lnTo>
                  <a:pt x="2585" y="2547614"/>
                </a:lnTo>
                <a:lnTo>
                  <a:pt x="2790" y="2543979"/>
                </a:lnTo>
                <a:lnTo>
                  <a:pt x="164451" y="2450784"/>
                </a:lnTo>
                <a:lnTo>
                  <a:pt x="164451" y="2450786"/>
                </a:lnTo>
                <a:lnTo>
                  <a:pt x="166928" y="2449358"/>
                </a:lnTo>
                <a:lnTo>
                  <a:pt x="329829" y="2355448"/>
                </a:lnTo>
                <a:lnTo>
                  <a:pt x="329829" y="2355448"/>
                </a:lnTo>
                <a:lnTo>
                  <a:pt x="166929" y="2449358"/>
                </a:lnTo>
                <a:lnTo>
                  <a:pt x="166747" y="2452586"/>
                </a:lnTo>
                <a:lnTo>
                  <a:pt x="1468481" y="3204143"/>
                </a:lnTo>
                <a:lnTo>
                  <a:pt x="1468480" y="3205738"/>
                </a:lnTo>
                <a:lnTo>
                  <a:pt x="2774395" y="2451768"/>
                </a:lnTo>
                <a:lnTo>
                  <a:pt x="2774258" y="2449293"/>
                </a:lnTo>
                <a:lnTo>
                  <a:pt x="2776855" y="2450787"/>
                </a:lnTo>
                <a:lnTo>
                  <a:pt x="2776855" y="946126"/>
                </a:lnTo>
                <a:lnTo>
                  <a:pt x="2774637" y="945010"/>
                </a:lnTo>
                <a:lnTo>
                  <a:pt x="2611099" y="1039364"/>
                </a:lnTo>
                <a:lnTo>
                  <a:pt x="2611098" y="1039363"/>
                </a:lnTo>
                <a:lnTo>
                  <a:pt x="2774637" y="945009"/>
                </a:lnTo>
                <a:lnTo>
                  <a:pt x="2774638" y="945010"/>
                </a:lnTo>
                <a:lnTo>
                  <a:pt x="2776695" y="943822"/>
                </a:lnTo>
                <a:lnTo>
                  <a:pt x="2776647" y="943794"/>
                </a:lnTo>
                <a:close/>
                <a:moveTo>
                  <a:pt x="5919" y="848504"/>
                </a:moveTo>
                <a:lnTo>
                  <a:pt x="166411" y="941868"/>
                </a:lnTo>
                <a:lnTo>
                  <a:pt x="164452" y="942999"/>
                </a:lnTo>
                <a:lnTo>
                  <a:pt x="167340" y="944668"/>
                </a:lnTo>
                <a:lnTo>
                  <a:pt x="169420" y="943618"/>
                </a:lnTo>
                <a:lnTo>
                  <a:pt x="169421" y="943619"/>
                </a:lnTo>
                <a:lnTo>
                  <a:pt x="167340" y="944669"/>
                </a:lnTo>
                <a:lnTo>
                  <a:pt x="167339" y="944668"/>
                </a:lnTo>
                <a:lnTo>
                  <a:pt x="164451" y="946125"/>
                </a:lnTo>
                <a:lnTo>
                  <a:pt x="164451" y="2450783"/>
                </a:lnTo>
                <a:lnTo>
                  <a:pt x="2789" y="2543979"/>
                </a:lnTo>
                <a:lnTo>
                  <a:pt x="0" y="2545587"/>
                </a:lnTo>
                <a:lnTo>
                  <a:pt x="0" y="851489"/>
                </a:lnTo>
                <a:lnTo>
                  <a:pt x="3251" y="849849"/>
                </a:lnTo>
                <a:lnTo>
                  <a:pt x="3252" y="849850"/>
                </a:lnTo>
                <a:close/>
                <a:moveTo>
                  <a:pt x="1472450" y="193895"/>
                </a:moveTo>
                <a:lnTo>
                  <a:pt x="1472450" y="193895"/>
                </a:lnTo>
                <a:lnTo>
                  <a:pt x="1471841" y="379556"/>
                </a:lnTo>
                <a:lnTo>
                  <a:pt x="1471841" y="379556"/>
                </a:lnTo>
                <a:close/>
                <a:moveTo>
                  <a:pt x="1470797" y="0"/>
                </a:moveTo>
                <a:lnTo>
                  <a:pt x="2941127" y="848896"/>
                </a:lnTo>
                <a:lnTo>
                  <a:pt x="2938811" y="850233"/>
                </a:lnTo>
                <a:lnTo>
                  <a:pt x="2938810" y="850232"/>
                </a:lnTo>
                <a:lnTo>
                  <a:pt x="2776646" y="943794"/>
                </a:lnTo>
                <a:lnTo>
                  <a:pt x="1472067" y="190594"/>
                </a:lnTo>
                <a:lnTo>
                  <a:pt x="1472677" y="4553"/>
                </a:lnTo>
                <a:lnTo>
                  <a:pt x="1472676" y="4553"/>
                </a:lnTo>
                <a:lnTo>
                  <a:pt x="1472066" y="190593"/>
                </a:lnTo>
                <a:lnTo>
                  <a:pt x="1470781" y="189851"/>
                </a:lnTo>
                <a:lnTo>
                  <a:pt x="1468528" y="191325"/>
                </a:lnTo>
                <a:lnTo>
                  <a:pt x="1468526" y="191325"/>
                </a:lnTo>
                <a:lnTo>
                  <a:pt x="1468527" y="191324"/>
                </a:lnTo>
                <a:lnTo>
                  <a:pt x="1467526" y="190668"/>
                </a:lnTo>
                <a:lnTo>
                  <a:pt x="166412" y="941867"/>
                </a:lnTo>
                <a:lnTo>
                  <a:pt x="5919" y="848503"/>
                </a:lnTo>
                <a:lnTo>
                  <a:pt x="3252" y="849849"/>
                </a:lnTo>
                <a:lnTo>
                  <a:pt x="1" y="847969"/>
                </a:lnTo>
                <a:lnTo>
                  <a:pt x="1467133" y="920"/>
                </a:lnTo>
                <a:lnTo>
                  <a:pt x="1468260" y="1658"/>
                </a:lnTo>
                <a:lnTo>
                  <a:pt x="1468259" y="1659"/>
                </a:lnTo>
                <a:lnTo>
                  <a:pt x="1468261" y="1659"/>
                </a:lnTo>
                <a:close/>
              </a:path>
            </a:pathLst>
          </a:custGeom>
          <a:solidFill>
            <a:sysClr val="windowText" lastClr="000000">
              <a:alpha val="15000"/>
            </a:sysClr>
          </a:solidFill>
          <a:ln w="12700">
            <a:miter lim="400000"/>
          </a:ln>
        </p:spPr>
        <p:txBody>
          <a:bodyPr wrap="square" lIns="38100" tIns="38100" rIns="38100" bIns="38100" anchor="ctr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3000" b="0" i="0" u="none" strike="noStrike" kern="0" cap="none" spc="0" normalizeH="0" baseline="0" noProof="0">
              <a:ln>
                <a:noFill/>
              </a:ln>
              <a:solidFill>
                <a:srgbClr val="FFFFFF"/>
              </a:solidFill>
              <a:effectLst>
                <a:outerShdw blurRad="38100" dist="12700" dir="5400000" rotWithShape="0">
                  <a:srgbClr val="000000">
                    <a:alpha val="50000"/>
                  </a:srgbClr>
                </a:outerShdw>
              </a:effectLst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5" name="Figure">
            <a:extLst>
              <a:ext uri="{FF2B5EF4-FFF2-40B4-BE49-F238E27FC236}">
                <a16:creationId xmlns:a16="http://schemas.microsoft.com/office/drawing/2014/main" id="{369F4E1B-9ECF-4FD3-AA67-71705E1300E7}"/>
              </a:ext>
            </a:extLst>
          </p:cNvPr>
          <p:cNvSpPr/>
          <p:nvPr/>
        </p:nvSpPr>
        <p:spPr>
          <a:xfrm>
            <a:off x="5105543" y="2162586"/>
            <a:ext cx="662441" cy="662441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19632" h="19632" extrusionOk="0">
                <a:moveTo>
                  <a:pt x="267" y="7550"/>
                </a:moveTo>
                <a:cubicBezTo>
                  <a:pt x="1519" y="2277"/>
                  <a:pt x="6808" y="-984"/>
                  <a:pt x="12082" y="267"/>
                </a:cubicBezTo>
                <a:cubicBezTo>
                  <a:pt x="17355" y="1519"/>
                  <a:pt x="20616" y="6808"/>
                  <a:pt x="19365" y="12082"/>
                </a:cubicBezTo>
                <a:cubicBezTo>
                  <a:pt x="18113" y="17355"/>
                  <a:pt x="12824" y="20616"/>
                  <a:pt x="7550" y="19365"/>
                </a:cubicBezTo>
                <a:cubicBezTo>
                  <a:pt x="2277" y="18113"/>
                  <a:pt x="-984" y="12824"/>
                  <a:pt x="267" y="7550"/>
                </a:cubicBezTo>
                <a:close/>
              </a:path>
            </a:pathLst>
          </a:custGeom>
          <a:solidFill>
            <a:srgbClr val="D9126B"/>
          </a:solidFill>
          <a:ln w="38100">
            <a:solidFill>
              <a:srgbClr val="D9126B">
                <a:lumMod val="75000"/>
              </a:srgbClr>
            </a:solidFill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1" i="0" u="none" strike="noStrike" kern="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>
                  <a:outerShdw blurRad="38100" dist="12700" dir="5400000" rotWithShape="0">
                    <a:srgbClr val="000000">
                      <a:alpha val="50000"/>
                    </a:srgbClr>
                  </a:outerShdw>
                </a:effectLst>
                <a:uLnTx/>
                <a:uFillTx/>
                <a:latin typeface="Calibri" panose="020F0502020204030204"/>
                <a:ea typeface="맑은 고딕"/>
                <a:cs typeface="+mn-cs"/>
              </a:rPr>
              <a:t>6</a:t>
            </a:r>
            <a:endParaRPr kumimoji="0" sz="2800" b="1" i="0" u="none" strike="noStrike" kern="0" cap="none" spc="0" normalizeH="0" baseline="0" noProof="0" dirty="0">
              <a:ln>
                <a:noFill/>
              </a:ln>
              <a:solidFill>
                <a:srgbClr val="FFFFFF"/>
              </a:solidFill>
              <a:effectLst>
                <a:outerShdw blurRad="38100" dist="12700" dir="5400000" rotWithShape="0">
                  <a:srgbClr val="000000">
                    <a:alpha val="50000"/>
                  </a:srgbClr>
                </a:outerShdw>
              </a:effectLst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6" name="Cercle">
            <a:extLst>
              <a:ext uri="{FF2B5EF4-FFF2-40B4-BE49-F238E27FC236}">
                <a16:creationId xmlns:a16="http://schemas.microsoft.com/office/drawing/2014/main" id="{80AAED00-8A05-4064-986E-4F1074800476}"/>
              </a:ext>
            </a:extLst>
          </p:cNvPr>
          <p:cNvSpPr/>
          <p:nvPr/>
        </p:nvSpPr>
        <p:spPr>
          <a:xfrm>
            <a:off x="6406442" y="2162586"/>
            <a:ext cx="662311" cy="662311"/>
          </a:xfrm>
          <a:prstGeom prst="ellipse">
            <a:avLst/>
          </a:prstGeom>
          <a:solidFill>
            <a:srgbClr val="013D4D"/>
          </a:solidFill>
          <a:ln w="38100">
            <a:solidFill>
              <a:srgbClr val="013442"/>
            </a:solidFill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1" i="0" u="none" strike="noStrike" kern="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>
                  <a:outerShdw blurRad="38100" dist="12700" dir="5400000" rotWithShape="0">
                    <a:srgbClr val="000000">
                      <a:alpha val="50000"/>
                    </a:srgbClr>
                  </a:outerShdw>
                </a:effectLst>
                <a:uLnTx/>
                <a:uFillTx/>
                <a:latin typeface="Calibri" panose="020F0502020204030204"/>
                <a:ea typeface="맑은 고딕"/>
                <a:cs typeface="+mn-cs"/>
              </a:rPr>
              <a:t>1</a:t>
            </a:r>
            <a:endParaRPr kumimoji="0" sz="2800" b="1" i="0" u="none" strike="noStrike" kern="0" cap="none" spc="0" normalizeH="0" baseline="0" noProof="0" dirty="0">
              <a:ln>
                <a:noFill/>
              </a:ln>
              <a:solidFill>
                <a:srgbClr val="FFFFFF"/>
              </a:solidFill>
              <a:effectLst>
                <a:outerShdw blurRad="38100" dist="12700" dir="5400000" rotWithShape="0">
                  <a:srgbClr val="000000">
                    <a:alpha val="50000"/>
                  </a:srgbClr>
                </a:outerShdw>
              </a:effectLst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7" name="Cercle">
            <a:extLst>
              <a:ext uri="{FF2B5EF4-FFF2-40B4-BE49-F238E27FC236}">
                <a16:creationId xmlns:a16="http://schemas.microsoft.com/office/drawing/2014/main" id="{0BC5CF66-2568-4D00-895B-B8C913C80B2E}"/>
              </a:ext>
            </a:extLst>
          </p:cNvPr>
          <p:cNvSpPr/>
          <p:nvPr/>
        </p:nvSpPr>
        <p:spPr>
          <a:xfrm>
            <a:off x="7086457" y="3280178"/>
            <a:ext cx="662273" cy="662271"/>
          </a:xfrm>
          <a:prstGeom prst="ellipse">
            <a:avLst/>
          </a:prstGeom>
          <a:solidFill>
            <a:srgbClr val="00A891"/>
          </a:solidFill>
          <a:ln w="38100">
            <a:solidFill>
              <a:srgbClr val="00A891">
                <a:lumMod val="75000"/>
              </a:srgbClr>
            </a:solidFill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sz="3000">
                <a:solidFill>
                  <a:srgbClr val="FFFFFF"/>
                </a:solidFill>
                <a:effectLst>
                  <a:outerShdw blurRad="38100" dist="12700" dir="5400000" rotWithShape="0">
                    <a:srgbClr val="000000">
                      <a:alpha val="50000"/>
                    </a:srgbClr>
                  </a:outerShdw>
                </a:effectLst>
              </a:defRPr>
            </a:pPr>
            <a:r>
              <a:rPr kumimoji="0" lang="en-US" sz="2800" b="1" i="0" u="none" strike="noStrike" kern="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>
                  <a:outerShdw blurRad="38100" dist="12700" dir="5400000" rotWithShape="0">
                    <a:srgbClr val="000000">
                      <a:alpha val="50000"/>
                    </a:srgbClr>
                  </a:outerShdw>
                </a:effectLst>
                <a:uLnTx/>
                <a:uFillTx/>
                <a:latin typeface="Calibri" panose="020F0502020204030204"/>
                <a:ea typeface="맑은 고딕"/>
                <a:cs typeface="+mn-cs"/>
              </a:rPr>
              <a:t>2</a:t>
            </a:r>
            <a:endParaRPr kumimoji="0" sz="2800" b="1" i="0" u="none" strike="noStrike" kern="0" cap="none" spc="0" normalizeH="0" baseline="0" noProof="0" dirty="0">
              <a:ln>
                <a:noFill/>
              </a:ln>
              <a:solidFill>
                <a:srgbClr val="FFFFFF"/>
              </a:solidFill>
              <a:effectLst>
                <a:outerShdw blurRad="38100" dist="12700" dir="5400000" rotWithShape="0">
                  <a:srgbClr val="000000">
                    <a:alpha val="50000"/>
                  </a:srgbClr>
                </a:outerShdw>
              </a:effectLst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8" name="Cercle">
            <a:extLst>
              <a:ext uri="{FF2B5EF4-FFF2-40B4-BE49-F238E27FC236}">
                <a16:creationId xmlns:a16="http://schemas.microsoft.com/office/drawing/2014/main" id="{7191BD51-D133-4BBF-8E3D-CDB1712D34AD}"/>
              </a:ext>
            </a:extLst>
          </p:cNvPr>
          <p:cNvSpPr/>
          <p:nvPr/>
        </p:nvSpPr>
        <p:spPr>
          <a:xfrm>
            <a:off x="6406442" y="4401059"/>
            <a:ext cx="662311" cy="662311"/>
          </a:xfrm>
          <a:prstGeom prst="ellipse">
            <a:avLst/>
          </a:prstGeom>
          <a:solidFill>
            <a:srgbClr val="B1DB15"/>
          </a:solidFill>
          <a:ln w="38100">
            <a:solidFill>
              <a:srgbClr val="B1DB15">
                <a:lumMod val="75000"/>
              </a:srgbClr>
            </a:solidFill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1" i="0" u="none" strike="noStrike" kern="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>
                  <a:outerShdw blurRad="38100" dist="12700" dir="5400000" rotWithShape="0">
                    <a:srgbClr val="000000">
                      <a:alpha val="50000"/>
                    </a:srgbClr>
                  </a:outerShdw>
                </a:effectLst>
                <a:uLnTx/>
                <a:uFillTx/>
                <a:latin typeface="Calibri" panose="020F0502020204030204"/>
                <a:ea typeface="맑은 고딕"/>
                <a:cs typeface="+mn-cs"/>
              </a:rPr>
              <a:t>3</a:t>
            </a:r>
            <a:endParaRPr kumimoji="0" sz="2800" b="1" i="0" u="none" strike="noStrike" kern="0" cap="none" spc="0" normalizeH="0" baseline="0" noProof="0" dirty="0">
              <a:ln>
                <a:noFill/>
              </a:ln>
              <a:solidFill>
                <a:srgbClr val="FFFFFF"/>
              </a:solidFill>
              <a:effectLst>
                <a:outerShdw blurRad="38100" dist="12700" dir="5400000" rotWithShape="0">
                  <a:srgbClr val="000000">
                    <a:alpha val="50000"/>
                  </a:srgbClr>
                </a:outerShdw>
              </a:effectLst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49" name="Figure">
            <a:extLst>
              <a:ext uri="{FF2B5EF4-FFF2-40B4-BE49-F238E27FC236}">
                <a16:creationId xmlns:a16="http://schemas.microsoft.com/office/drawing/2014/main" id="{EB61F8A6-8CFF-4419-AB3B-B6F8998186A1}"/>
              </a:ext>
            </a:extLst>
          </p:cNvPr>
          <p:cNvSpPr/>
          <p:nvPr/>
        </p:nvSpPr>
        <p:spPr>
          <a:xfrm>
            <a:off x="5105543" y="4401059"/>
            <a:ext cx="662441" cy="662441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19632" h="19632" extrusionOk="0">
                <a:moveTo>
                  <a:pt x="267" y="7550"/>
                </a:moveTo>
                <a:cubicBezTo>
                  <a:pt x="1519" y="2277"/>
                  <a:pt x="6808" y="-984"/>
                  <a:pt x="12082" y="267"/>
                </a:cubicBezTo>
                <a:cubicBezTo>
                  <a:pt x="17355" y="1519"/>
                  <a:pt x="20616" y="6808"/>
                  <a:pt x="19365" y="12082"/>
                </a:cubicBezTo>
                <a:cubicBezTo>
                  <a:pt x="18113" y="17355"/>
                  <a:pt x="12824" y="20616"/>
                  <a:pt x="7550" y="19365"/>
                </a:cubicBezTo>
                <a:cubicBezTo>
                  <a:pt x="2277" y="18113"/>
                  <a:pt x="-984" y="12824"/>
                  <a:pt x="267" y="7550"/>
                </a:cubicBezTo>
                <a:close/>
              </a:path>
            </a:pathLst>
          </a:custGeom>
          <a:solidFill>
            <a:srgbClr val="FFE200"/>
          </a:solidFill>
          <a:ln w="38100">
            <a:solidFill>
              <a:srgbClr val="FFE200">
                <a:lumMod val="75000"/>
              </a:srgbClr>
            </a:solidFill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1" i="0" u="none" strike="noStrike" kern="0" cap="none" spc="0" normalizeH="0" baseline="0" noProof="0" dirty="0">
                <a:ln>
                  <a:noFill/>
                </a:ln>
                <a:solidFill>
                  <a:srgbClr val="FFE200">
                    <a:lumMod val="50000"/>
                  </a:srgbClr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4</a:t>
            </a:r>
            <a:endParaRPr kumimoji="0" sz="2800" b="1" i="0" u="none" strike="noStrike" kern="0" cap="none" spc="0" normalizeH="0" baseline="0" noProof="0" dirty="0">
              <a:ln>
                <a:noFill/>
              </a:ln>
              <a:solidFill>
                <a:srgbClr val="FFE200">
                  <a:lumMod val="50000"/>
                </a:srgbClr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50" name="Cercle">
            <a:extLst>
              <a:ext uri="{FF2B5EF4-FFF2-40B4-BE49-F238E27FC236}">
                <a16:creationId xmlns:a16="http://schemas.microsoft.com/office/drawing/2014/main" id="{FBC7048B-6171-4F8B-A292-7C0FAD0965A7}"/>
              </a:ext>
            </a:extLst>
          </p:cNvPr>
          <p:cNvSpPr/>
          <p:nvPr/>
        </p:nvSpPr>
        <p:spPr>
          <a:xfrm>
            <a:off x="4455094" y="3280178"/>
            <a:ext cx="662271" cy="662271"/>
          </a:xfrm>
          <a:prstGeom prst="ellipse">
            <a:avLst/>
          </a:prstGeom>
          <a:solidFill>
            <a:srgbClr val="FE7600"/>
          </a:solidFill>
          <a:ln w="38100">
            <a:solidFill>
              <a:srgbClr val="FE7600">
                <a:lumMod val="75000"/>
              </a:srgbClr>
            </a:solidFill>
            <a:miter lim="400000"/>
          </a:ln>
        </p:spPr>
        <p:txBody>
          <a:bodyPr lIns="38100" tIns="38100" rIns="38100" bIns="381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1" i="0" u="none" strike="noStrike" kern="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>
                  <a:outerShdw blurRad="38100" dist="12700" dir="5400000" rotWithShape="0">
                    <a:srgbClr val="000000">
                      <a:alpha val="50000"/>
                    </a:srgbClr>
                  </a:outerShdw>
                </a:effectLst>
                <a:uLnTx/>
                <a:uFillTx/>
                <a:latin typeface="Calibri" panose="020F0502020204030204"/>
                <a:ea typeface="맑은 고딕"/>
                <a:cs typeface="+mn-cs"/>
              </a:rPr>
              <a:t>5</a:t>
            </a:r>
            <a:endParaRPr kumimoji="0" sz="2800" b="1" i="0" u="none" strike="noStrike" kern="0" cap="none" spc="0" normalizeH="0" baseline="0" noProof="0" dirty="0">
              <a:ln>
                <a:noFill/>
              </a:ln>
              <a:solidFill>
                <a:srgbClr val="FFFFFF"/>
              </a:solidFill>
              <a:effectLst>
                <a:outerShdw blurRad="38100" dist="12700" dir="5400000" rotWithShape="0">
                  <a:srgbClr val="000000">
                    <a:alpha val="50000"/>
                  </a:srgbClr>
                </a:outerShdw>
              </a:effectLst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51" name="Freeform: Shape 116">
            <a:extLst>
              <a:ext uri="{FF2B5EF4-FFF2-40B4-BE49-F238E27FC236}">
                <a16:creationId xmlns:a16="http://schemas.microsoft.com/office/drawing/2014/main" id="{EE28D20E-5A1E-4644-BD88-7E0C9FA40FAD}"/>
              </a:ext>
            </a:extLst>
          </p:cNvPr>
          <p:cNvSpPr/>
          <p:nvPr/>
        </p:nvSpPr>
        <p:spPr>
          <a:xfrm>
            <a:off x="3691957" y="1776767"/>
            <a:ext cx="1469764" cy="3689791"/>
          </a:xfrm>
          <a:custGeom>
            <a:avLst/>
            <a:gdLst>
              <a:gd name="connsiteX0" fmla="*/ 1455018 w 1469764"/>
              <a:gd name="connsiteY0" fmla="*/ 3231748 h 3689791"/>
              <a:gd name="connsiteX1" fmla="*/ 1469764 w 1469764"/>
              <a:gd name="connsiteY1" fmla="*/ 3244471 h 3689791"/>
              <a:gd name="connsiteX2" fmla="*/ 952391 w 1469764"/>
              <a:gd name="connsiteY2" fmla="*/ 3689791 h 3689791"/>
              <a:gd name="connsiteX3" fmla="*/ 0 w 1469764"/>
              <a:gd name="connsiteY3" fmla="*/ 3689791 h 3689791"/>
              <a:gd name="connsiteX4" fmla="*/ 0 w 1469764"/>
              <a:gd name="connsiteY4" fmla="*/ 3671978 h 3689791"/>
              <a:gd name="connsiteX5" fmla="*/ 943508 w 1469764"/>
              <a:gd name="connsiteY5" fmla="*/ 3671978 h 3689791"/>
              <a:gd name="connsiteX6" fmla="*/ 0 w 1469764"/>
              <a:gd name="connsiteY6" fmla="*/ 1832172 h 3689791"/>
              <a:gd name="connsiteX7" fmla="*/ 497044 w 1469764"/>
              <a:gd name="connsiteY7" fmla="*/ 1832172 h 3689791"/>
              <a:gd name="connsiteX8" fmla="*/ 497044 w 1469764"/>
              <a:gd name="connsiteY8" fmla="*/ 1849987 h 3689791"/>
              <a:gd name="connsiteX9" fmla="*/ 0 w 1469764"/>
              <a:gd name="connsiteY9" fmla="*/ 1849987 h 3689791"/>
              <a:gd name="connsiteX10" fmla="*/ 0 w 1469764"/>
              <a:gd name="connsiteY10" fmla="*/ 0 h 3689791"/>
              <a:gd name="connsiteX11" fmla="*/ 952391 w 1469764"/>
              <a:gd name="connsiteY11" fmla="*/ 0 h 3689791"/>
              <a:gd name="connsiteX12" fmla="*/ 955323 w 1469764"/>
              <a:gd name="connsiteY12" fmla="*/ 2552 h 3689791"/>
              <a:gd name="connsiteX13" fmla="*/ 1469764 w 1469764"/>
              <a:gd name="connsiteY13" fmla="*/ 442783 h 3689791"/>
              <a:gd name="connsiteX14" fmla="*/ 1455018 w 1469764"/>
              <a:gd name="connsiteY14" fmla="*/ 455498 h 3689791"/>
              <a:gd name="connsiteX15" fmla="*/ 943508 w 1469764"/>
              <a:gd name="connsiteY15" fmla="*/ 17820 h 3689791"/>
              <a:gd name="connsiteX16" fmla="*/ 0 w 1469764"/>
              <a:gd name="connsiteY16" fmla="*/ 17820 h 368979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</a:cxnLst>
            <a:rect l="l" t="t" r="r" b="b"/>
            <a:pathLst>
              <a:path w="1469764" h="3689791">
                <a:moveTo>
                  <a:pt x="1455018" y="3231748"/>
                </a:moveTo>
                <a:lnTo>
                  <a:pt x="1469764" y="3244471"/>
                </a:lnTo>
                <a:lnTo>
                  <a:pt x="952391" y="3689791"/>
                </a:lnTo>
                <a:lnTo>
                  <a:pt x="0" y="3689791"/>
                </a:lnTo>
                <a:lnTo>
                  <a:pt x="0" y="3671978"/>
                </a:lnTo>
                <a:lnTo>
                  <a:pt x="943508" y="3671978"/>
                </a:lnTo>
                <a:close/>
                <a:moveTo>
                  <a:pt x="0" y="1832172"/>
                </a:moveTo>
                <a:lnTo>
                  <a:pt x="497044" y="1832172"/>
                </a:lnTo>
                <a:lnTo>
                  <a:pt x="497044" y="1849987"/>
                </a:lnTo>
                <a:lnTo>
                  <a:pt x="0" y="1849987"/>
                </a:lnTo>
                <a:close/>
                <a:moveTo>
                  <a:pt x="0" y="0"/>
                </a:moveTo>
                <a:lnTo>
                  <a:pt x="952391" y="0"/>
                </a:lnTo>
                <a:lnTo>
                  <a:pt x="955323" y="2552"/>
                </a:lnTo>
                <a:lnTo>
                  <a:pt x="1469764" y="442783"/>
                </a:lnTo>
                <a:lnTo>
                  <a:pt x="1455018" y="455498"/>
                </a:lnTo>
                <a:lnTo>
                  <a:pt x="943508" y="17820"/>
                </a:lnTo>
                <a:lnTo>
                  <a:pt x="0" y="17820"/>
                </a:lnTo>
                <a:close/>
              </a:path>
            </a:pathLst>
          </a:custGeom>
          <a:solidFill>
            <a:srgbClr val="D3D3D3">
              <a:lumMod val="50000"/>
            </a:srgbClr>
          </a:solidFill>
          <a:ln w="12700">
            <a:miter lim="400000"/>
          </a:ln>
        </p:spPr>
        <p:txBody>
          <a:bodyPr wrap="square" lIns="38100" tIns="38100" rIns="38100" bIns="38100" anchor="ctr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sz="3000">
                <a:solidFill>
                  <a:srgbClr val="FFFFFF"/>
                </a:solidFill>
                <a:effectLst>
                  <a:outerShdw blurRad="38100" dist="12700" dir="5400000" rotWithShape="0">
                    <a:srgbClr val="000000">
                      <a:alpha val="50000"/>
                    </a:srgbClr>
                  </a:outerShdw>
                </a:effectLst>
              </a:defRPr>
            </a:pPr>
            <a:endParaRPr kumimoji="0" sz="3000" b="0" i="0" u="none" strike="noStrike" kern="0" cap="none" spc="0" normalizeH="0" baseline="0" noProof="0">
              <a:ln>
                <a:noFill/>
              </a:ln>
              <a:solidFill>
                <a:srgbClr val="FFFFFF"/>
              </a:solidFill>
              <a:effectLst>
                <a:outerShdw blurRad="38100" dist="12700" dir="5400000" rotWithShape="0">
                  <a:srgbClr val="000000">
                    <a:alpha val="50000"/>
                  </a:srgbClr>
                </a:outerShdw>
              </a:effectLst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70" name="Freeform: Shape 117">
            <a:extLst>
              <a:ext uri="{FF2B5EF4-FFF2-40B4-BE49-F238E27FC236}">
                <a16:creationId xmlns:a16="http://schemas.microsoft.com/office/drawing/2014/main" id="{330751CA-063A-4D8D-9C01-C37D5BDFC5C0}"/>
              </a:ext>
            </a:extLst>
          </p:cNvPr>
          <p:cNvSpPr/>
          <p:nvPr/>
        </p:nvSpPr>
        <p:spPr>
          <a:xfrm flipH="1">
            <a:off x="7038075" y="1776767"/>
            <a:ext cx="1472184" cy="3689791"/>
          </a:xfrm>
          <a:custGeom>
            <a:avLst/>
            <a:gdLst>
              <a:gd name="connsiteX0" fmla="*/ 1455018 w 1469764"/>
              <a:gd name="connsiteY0" fmla="*/ 3231748 h 3689791"/>
              <a:gd name="connsiteX1" fmla="*/ 1469764 w 1469764"/>
              <a:gd name="connsiteY1" fmla="*/ 3244471 h 3689791"/>
              <a:gd name="connsiteX2" fmla="*/ 952391 w 1469764"/>
              <a:gd name="connsiteY2" fmla="*/ 3689791 h 3689791"/>
              <a:gd name="connsiteX3" fmla="*/ 0 w 1469764"/>
              <a:gd name="connsiteY3" fmla="*/ 3689791 h 3689791"/>
              <a:gd name="connsiteX4" fmla="*/ 0 w 1469764"/>
              <a:gd name="connsiteY4" fmla="*/ 3671978 h 3689791"/>
              <a:gd name="connsiteX5" fmla="*/ 943508 w 1469764"/>
              <a:gd name="connsiteY5" fmla="*/ 3671978 h 3689791"/>
              <a:gd name="connsiteX6" fmla="*/ 0 w 1469764"/>
              <a:gd name="connsiteY6" fmla="*/ 1832172 h 3689791"/>
              <a:gd name="connsiteX7" fmla="*/ 497044 w 1469764"/>
              <a:gd name="connsiteY7" fmla="*/ 1832172 h 3689791"/>
              <a:gd name="connsiteX8" fmla="*/ 497044 w 1469764"/>
              <a:gd name="connsiteY8" fmla="*/ 1849987 h 3689791"/>
              <a:gd name="connsiteX9" fmla="*/ 0 w 1469764"/>
              <a:gd name="connsiteY9" fmla="*/ 1849987 h 3689791"/>
              <a:gd name="connsiteX10" fmla="*/ 0 w 1469764"/>
              <a:gd name="connsiteY10" fmla="*/ 0 h 3689791"/>
              <a:gd name="connsiteX11" fmla="*/ 952391 w 1469764"/>
              <a:gd name="connsiteY11" fmla="*/ 0 h 3689791"/>
              <a:gd name="connsiteX12" fmla="*/ 955323 w 1469764"/>
              <a:gd name="connsiteY12" fmla="*/ 2552 h 3689791"/>
              <a:gd name="connsiteX13" fmla="*/ 1469764 w 1469764"/>
              <a:gd name="connsiteY13" fmla="*/ 442783 h 3689791"/>
              <a:gd name="connsiteX14" fmla="*/ 1455018 w 1469764"/>
              <a:gd name="connsiteY14" fmla="*/ 455498 h 3689791"/>
              <a:gd name="connsiteX15" fmla="*/ 943508 w 1469764"/>
              <a:gd name="connsiteY15" fmla="*/ 17820 h 3689791"/>
              <a:gd name="connsiteX16" fmla="*/ 0 w 1469764"/>
              <a:gd name="connsiteY16" fmla="*/ 17820 h 368979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</a:cxnLst>
            <a:rect l="l" t="t" r="r" b="b"/>
            <a:pathLst>
              <a:path w="1469764" h="3689791">
                <a:moveTo>
                  <a:pt x="1455018" y="3231748"/>
                </a:moveTo>
                <a:lnTo>
                  <a:pt x="1469764" y="3244471"/>
                </a:lnTo>
                <a:lnTo>
                  <a:pt x="952391" y="3689791"/>
                </a:lnTo>
                <a:lnTo>
                  <a:pt x="0" y="3689791"/>
                </a:lnTo>
                <a:lnTo>
                  <a:pt x="0" y="3671978"/>
                </a:lnTo>
                <a:lnTo>
                  <a:pt x="943508" y="3671978"/>
                </a:lnTo>
                <a:close/>
                <a:moveTo>
                  <a:pt x="0" y="1832172"/>
                </a:moveTo>
                <a:lnTo>
                  <a:pt x="497044" y="1832172"/>
                </a:lnTo>
                <a:lnTo>
                  <a:pt x="497044" y="1849987"/>
                </a:lnTo>
                <a:lnTo>
                  <a:pt x="0" y="1849987"/>
                </a:lnTo>
                <a:close/>
                <a:moveTo>
                  <a:pt x="0" y="0"/>
                </a:moveTo>
                <a:lnTo>
                  <a:pt x="952391" y="0"/>
                </a:lnTo>
                <a:lnTo>
                  <a:pt x="955323" y="2552"/>
                </a:lnTo>
                <a:lnTo>
                  <a:pt x="1469764" y="442783"/>
                </a:lnTo>
                <a:lnTo>
                  <a:pt x="1455018" y="455498"/>
                </a:lnTo>
                <a:lnTo>
                  <a:pt x="943508" y="17820"/>
                </a:lnTo>
                <a:lnTo>
                  <a:pt x="0" y="17820"/>
                </a:lnTo>
                <a:close/>
              </a:path>
            </a:pathLst>
          </a:custGeom>
          <a:solidFill>
            <a:srgbClr val="D3D3D3">
              <a:lumMod val="50000"/>
            </a:srgbClr>
          </a:solidFill>
          <a:ln w="12700">
            <a:miter lim="400000"/>
          </a:ln>
        </p:spPr>
        <p:txBody>
          <a:bodyPr wrap="square" lIns="38100" tIns="38100" rIns="38100" bIns="38100" anchor="ctr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sz="3000">
                <a:solidFill>
                  <a:srgbClr val="FFFFFF"/>
                </a:solidFill>
                <a:effectLst>
                  <a:outerShdw blurRad="38100" dist="12700" dir="5400000" rotWithShape="0">
                    <a:srgbClr val="000000">
                      <a:alpha val="50000"/>
                    </a:srgbClr>
                  </a:outerShdw>
                </a:effectLst>
              </a:defRPr>
            </a:pPr>
            <a:endParaRPr kumimoji="0" sz="3000" b="0" i="0" u="none" strike="noStrike" kern="0" cap="none" spc="0" normalizeH="0" baseline="0" noProof="0">
              <a:ln>
                <a:noFill/>
              </a:ln>
              <a:solidFill>
                <a:srgbClr val="FFFFFF"/>
              </a:solidFill>
              <a:effectLst>
                <a:outerShdw blurRad="38100" dist="12700" dir="5400000" rotWithShape="0">
                  <a:srgbClr val="000000">
                    <a:alpha val="50000"/>
                  </a:srgbClr>
                </a:outerShdw>
              </a:effectLst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72" name="Dikdörtgen 71"/>
          <p:cNvSpPr/>
          <p:nvPr/>
        </p:nvSpPr>
        <p:spPr>
          <a:xfrm>
            <a:off x="4861292" y="3250528"/>
            <a:ext cx="2517596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Allah’a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inanan insan</a:t>
            </a:r>
          </a:p>
        </p:txBody>
      </p:sp>
      <p:sp>
        <p:nvSpPr>
          <p:cNvPr id="74" name="Dikdörtgen 73"/>
          <p:cNvSpPr/>
          <p:nvPr/>
        </p:nvSpPr>
        <p:spPr>
          <a:xfrm>
            <a:off x="8452415" y="1308219"/>
            <a:ext cx="3834819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Yüce Allah’ın emirlerini yerine getirir.</a:t>
            </a:r>
          </a:p>
        </p:txBody>
      </p:sp>
      <p:sp>
        <p:nvSpPr>
          <p:cNvPr id="75" name="Dikdörtgen 74"/>
          <p:cNvSpPr/>
          <p:nvPr/>
        </p:nvSpPr>
        <p:spPr>
          <a:xfrm>
            <a:off x="8558641" y="3332045"/>
            <a:ext cx="3834819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Yardımsever olur.</a:t>
            </a:r>
          </a:p>
        </p:txBody>
      </p:sp>
      <p:sp>
        <p:nvSpPr>
          <p:cNvPr id="76" name="Dikdörtgen 75"/>
          <p:cNvSpPr/>
          <p:nvPr/>
        </p:nvSpPr>
        <p:spPr>
          <a:xfrm>
            <a:off x="8558641" y="4989504"/>
            <a:ext cx="3418500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Verdiği sözleri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tutar.</a:t>
            </a:r>
          </a:p>
        </p:txBody>
      </p:sp>
      <p:sp>
        <p:nvSpPr>
          <p:cNvPr id="78" name="Dikdörtgen 77"/>
          <p:cNvSpPr/>
          <p:nvPr/>
        </p:nvSpPr>
        <p:spPr>
          <a:xfrm>
            <a:off x="330425" y="5002274"/>
            <a:ext cx="335876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Başkalarıyla iyi ilişkiler kurmaya çalışır.</a:t>
            </a:r>
          </a:p>
        </p:txBody>
      </p:sp>
      <p:sp>
        <p:nvSpPr>
          <p:cNvPr id="79" name="Dikdörtgen 78"/>
          <p:cNvSpPr/>
          <p:nvPr/>
        </p:nvSpPr>
        <p:spPr>
          <a:xfrm>
            <a:off x="1327305" y="3349703"/>
            <a:ext cx="2300646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Adaletli olur.</a:t>
            </a:r>
          </a:p>
        </p:txBody>
      </p:sp>
      <p:sp>
        <p:nvSpPr>
          <p:cNvPr id="80" name="Dikdörtgen 79"/>
          <p:cNvSpPr/>
          <p:nvPr/>
        </p:nvSpPr>
        <p:spPr>
          <a:xfrm>
            <a:off x="934687" y="1402839"/>
            <a:ext cx="2746192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Merhametli olur</a:t>
            </a: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728373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2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7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2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4" grpId="0"/>
      <p:bldP spid="75" grpId="0"/>
      <p:bldP spid="76" grpId="0"/>
      <p:bldP spid="78" grpId="0"/>
      <p:bldP spid="79" grpId="0"/>
      <p:bldP spid="80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up 1"/>
          <p:cNvGrpSpPr/>
          <p:nvPr/>
        </p:nvGrpSpPr>
        <p:grpSpPr>
          <a:xfrm>
            <a:off x="391552" y="-140677"/>
            <a:ext cx="4316593" cy="2438401"/>
            <a:chOff x="191071" y="0"/>
            <a:chExt cx="4171567" cy="2438401"/>
          </a:xfrm>
        </p:grpSpPr>
        <p:sp>
          <p:nvSpPr>
            <p:cNvPr id="3" name="TextBox 52">
              <a:extLst>
                <a:ext uri="{FF2B5EF4-FFF2-40B4-BE49-F238E27FC236}">
                  <a16:creationId xmlns:a16="http://schemas.microsoft.com/office/drawing/2014/main" id="{36F2A3DF-B89B-479F-9421-5C9230156412}"/>
                </a:ext>
              </a:extLst>
            </p:cNvPr>
            <p:cNvSpPr txBox="1"/>
            <p:nvPr/>
          </p:nvSpPr>
          <p:spPr>
            <a:xfrm>
              <a:off x="191072" y="0"/>
              <a:ext cx="577452" cy="2438401"/>
            </a:xfrm>
            <a:prstGeom prst="rect">
              <a:avLst/>
            </a:prstGeom>
            <a:noFill/>
          </p:spPr>
          <p:txBody>
            <a:bodyPr wrap="square" lIns="0" tIns="0" rIns="0" bIns="0" rtlCol="0" anchor="ctr">
              <a:noAutofit/>
            </a:bodyPr>
            <a:lstStyle>
              <a:defPPr>
                <a:defRPr lang="en-US"/>
              </a:defPPr>
              <a:lvl1pPr algn="ctr">
                <a:defRPr sz="3200">
                  <a:latin typeface="나눔스퀘어 ExtraBold" panose="020B0600000101010101" pitchFamily="50" charset="-127"/>
                  <a:ea typeface="나눔스퀘어 ExtraBold" panose="020B0600000101010101" pitchFamily="50" charset="-127"/>
                </a:defRPr>
              </a:lvl1pPr>
            </a:lstStyle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altLang="ko-KR" sz="10000" b="1" i="0" u="none" strike="noStrike" kern="1200" cap="none" spc="0" normalizeH="0" baseline="0" noProof="0" dirty="0">
                  <a:ln>
                    <a:noFill/>
                  </a:ln>
                  <a:solidFill>
                    <a:srgbClr val="FFD38E"/>
                  </a:solidFill>
                  <a:effectLst/>
                  <a:uLnTx/>
                  <a:uFillTx/>
                  <a:latin typeface="Arial" panose="020B0604020202020204" pitchFamily="34" charset="0"/>
                  <a:ea typeface="맑은 고딕" panose="020B0503020000020004" pitchFamily="50" charset="-127"/>
                  <a:cs typeface="Arial" panose="020B0604020202020204" pitchFamily="34" charset="0"/>
                </a:rPr>
                <a:t>2</a:t>
              </a:r>
              <a:endParaRPr kumimoji="0" lang="ko-KR" altLang="en-US" sz="10000" b="1" i="0" u="none" strike="noStrike" kern="1200" cap="none" spc="0" normalizeH="0" baseline="0" noProof="0" dirty="0">
                <a:ln>
                  <a:noFill/>
                </a:ln>
                <a:solidFill>
                  <a:srgbClr val="FFD38E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50" charset="-127"/>
                <a:cs typeface="Arial" panose="020B0604020202020204" pitchFamily="34" charset="0"/>
              </a:endParaRPr>
            </a:p>
          </p:txBody>
        </p:sp>
        <p:grpSp>
          <p:nvGrpSpPr>
            <p:cNvPr id="4" name="Grup 3"/>
            <p:cNvGrpSpPr/>
            <p:nvPr/>
          </p:nvGrpSpPr>
          <p:grpSpPr>
            <a:xfrm>
              <a:off x="191071" y="411330"/>
              <a:ext cx="4171567" cy="1532708"/>
              <a:chOff x="191071" y="411330"/>
              <a:chExt cx="4171567" cy="1532708"/>
            </a:xfrm>
          </p:grpSpPr>
          <p:sp>
            <p:nvSpPr>
              <p:cNvPr id="5" name="TextBox 65">
                <a:extLst>
                  <a:ext uri="{FF2B5EF4-FFF2-40B4-BE49-F238E27FC236}">
                    <a16:creationId xmlns:a16="http://schemas.microsoft.com/office/drawing/2014/main" id="{196E9F0E-FA39-4478-A061-A67367EC3BEA}"/>
                  </a:ext>
                </a:extLst>
              </p:cNvPr>
              <p:cNvSpPr txBox="1"/>
              <p:nvPr/>
            </p:nvSpPr>
            <p:spPr>
              <a:xfrm>
                <a:off x="1070887" y="792966"/>
                <a:ext cx="3291751" cy="984885"/>
              </a:xfrm>
              <a:prstGeom prst="rect">
                <a:avLst/>
              </a:prstGeom>
              <a:noFill/>
            </p:spPr>
            <p:txBody>
              <a:bodyPr wrap="square" lIns="0" tIns="0" rIns="0" bIns="0" rtlCol="0" anchor="ctr">
                <a:spAutoFit/>
              </a:bodyPr>
              <a:lstStyle>
                <a:defPPr>
                  <a:defRPr lang="en-US"/>
                </a:defPPr>
                <a:lvl1pPr algn="ctr">
                  <a:defRPr sz="3200">
                    <a:latin typeface="나눔스퀘어 ExtraBold" panose="020B0600000101010101" pitchFamily="50" charset="-127"/>
                    <a:ea typeface="나눔스퀘어 ExtraBold" panose="020B0600000101010101" pitchFamily="50" charset="-127"/>
                  </a:defRPr>
                </a:lvl1pPr>
              </a:lstStyle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altLang="ko-KR" sz="32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 panose="020B0503020000020004" pitchFamily="50" charset="-127"/>
                    <a:cs typeface="Arial" panose="020B0604020202020204" pitchFamily="34" charset="0"/>
                  </a:rPr>
                  <a:t>Allah inancının</a:t>
                </a:r>
              </a:p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altLang="ko-KR" sz="32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 panose="020B0503020000020004" pitchFamily="50" charset="-127"/>
                    <a:cs typeface="Arial" panose="020B0604020202020204" pitchFamily="34" charset="0"/>
                  </a:rPr>
                  <a:t>ahlaka etkisi</a:t>
                </a:r>
                <a:endParaRPr kumimoji="0" lang="ko-KR" altLang="en-US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Arial"/>
                  <a:ea typeface="맑은 고딕" panose="020B0503020000020004" pitchFamily="50" charset="-127"/>
                  <a:cs typeface="Arial" panose="020B0604020202020204" pitchFamily="34" charset="0"/>
                </a:endParaRPr>
              </a:p>
            </p:txBody>
          </p:sp>
          <p:grpSp>
            <p:nvGrpSpPr>
              <p:cNvPr id="6" name="그룹 3">
                <a:extLst>
                  <a:ext uri="{FF2B5EF4-FFF2-40B4-BE49-F238E27FC236}">
                    <a16:creationId xmlns:a16="http://schemas.microsoft.com/office/drawing/2014/main" id="{BDF7D3E5-4776-4011-AA3D-452BE8122580}"/>
                  </a:ext>
                </a:extLst>
              </p:cNvPr>
              <p:cNvGrpSpPr/>
              <p:nvPr/>
            </p:nvGrpSpPr>
            <p:grpSpPr>
              <a:xfrm>
                <a:off x="191071" y="411330"/>
                <a:ext cx="4171566" cy="1532708"/>
                <a:chOff x="766418" y="1303068"/>
                <a:chExt cx="2227503" cy="1100576"/>
              </a:xfrm>
              <a:solidFill>
                <a:srgbClr val="FFD38E"/>
              </a:solidFill>
            </p:grpSpPr>
            <p:sp>
              <p:nvSpPr>
                <p:cNvPr id="7" name="직사각형 1">
                  <a:extLst>
                    <a:ext uri="{FF2B5EF4-FFF2-40B4-BE49-F238E27FC236}">
                      <a16:creationId xmlns:a16="http://schemas.microsoft.com/office/drawing/2014/main" id="{D08A809F-A608-49F9-B44E-A128660ED25F}"/>
                    </a:ext>
                  </a:extLst>
                </p:cNvPr>
                <p:cNvSpPr/>
                <p:nvPr/>
              </p:nvSpPr>
              <p:spPr>
                <a:xfrm>
                  <a:off x="766418" y="2319684"/>
                  <a:ext cx="1882705" cy="83960"/>
                </a:xfrm>
                <a:prstGeom prst="rect">
                  <a:avLst/>
                </a:prstGeom>
                <a:grpFill/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lIns="0" tIns="0" rIns="0" bIns="0" rtlCol="0" anchor="ctr"/>
                <a:lstStyle/>
                <a:p>
                  <a:pPr marL="0" marR="0" lvl="0" indent="0" algn="ctr" defTabSz="914400" rtl="0" eaLnBrk="1" fontAlgn="auto" latinLnBrk="0" hangingPunct="1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ClrTx/>
                    <a:buSzTx/>
                    <a:buFontTx/>
                    <a:buNone/>
                    <a:tabLst/>
                    <a:defRPr/>
                  </a:pPr>
                  <a:endParaRPr kumimoji="0" lang="ko-KR" altLang="en-US" sz="1800" b="0" i="0" u="none" strike="noStrike" kern="1200" cap="none" spc="0" normalizeH="0" baseline="0" noProof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/>
                    <a:cs typeface="+mn-cs"/>
                  </a:endParaRPr>
                </a:p>
              </p:txBody>
            </p:sp>
            <p:sp>
              <p:nvSpPr>
                <p:cNvPr id="8" name="화살표: 갈매기형 수장 2">
                  <a:extLst>
                    <a:ext uri="{FF2B5EF4-FFF2-40B4-BE49-F238E27FC236}">
                      <a16:creationId xmlns:a16="http://schemas.microsoft.com/office/drawing/2014/main" id="{C70FFE5C-DD26-4DD8-8F0A-CF25EF341D28}"/>
                    </a:ext>
                  </a:extLst>
                </p:cNvPr>
                <p:cNvSpPr/>
                <p:nvPr/>
              </p:nvSpPr>
              <p:spPr>
                <a:xfrm>
                  <a:off x="2588563" y="1303068"/>
                  <a:ext cx="405358" cy="1100576"/>
                </a:xfrm>
                <a:prstGeom prst="chevron">
                  <a:avLst>
                    <a:gd name="adj" fmla="val 70365"/>
                  </a:avLst>
                </a:prstGeom>
                <a:grpFill/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lIns="0" tIns="0" rIns="0" bIns="0" rtlCol="0" anchor="ctr"/>
                <a:lstStyle/>
                <a:p>
                  <a:pPr marL="0" marR="0" lvl="0" indent="0" algn="ctr" defTabSz="914400" rtl="0" eaLnBrk="1" fontAlgn="auto" latinLnBrk="0" hangingPunct="1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ClrTx/>
                    <a:buSzTx/>
                    <a:buFontTx/>
                    <a:buNone/>
                    <a:tabLst/>
                    <a:defRPr/>
                  </a:pPr>
                  <a:endParaRPr kumimoji="0" lang="ko-KR" altLang="en-US" sz="1800" b="0" i="0" u="none" strike="noStrike" kern="1200" cap="none" spc="0" normalizeH="0" baseline="0" noProof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/>
                    <a:cs typeface="+mn-cs"/>
                  </a:endParaRPr>
                </a:p>
              </p:txBody>
            </p:sp>
          </p:grpSp>
        </p:grpSp>
      </p:grpSp>
      <p:pic>
        <p:nvPicPr>
          <p:cNvPr id="9" name="Resim 8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6724" y="2184997"/>
            <a:ext cx="4392763" cy="4349484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ContrastingLeftFacing">
              <a:rot lat="300000" lon="19800000" rev="0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10" name="Dikdörtgen 9"/>
          <p:cNvSpPr/>
          <p:nvPr/>
        </p:nvSpPr>
        <p:spPr>
          <a:xfrm>
            <a:off x="4939002" y="1078523"/>
            <a:ext cx="7252998" cy="55159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Allah (</a:t>
            </a:r>
            <a:r>
              <a:rPr kumimoji="0" lang="tr-TR" sz="32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c.c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.) inancı, ahlaki değerlere kaynaklık eder.</a:t>
            </a:r>
          </a:p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endParaRPr kumimoji="0" lang="tr-TR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Allah (</a:t>
            </a:r>
            <a:r>
              <a:rPr kumimoji="0" lang="tr-TR" sz="32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c.c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.) inancı, insanı erdemli kılar.</a:t>
            </a:r>
          </a:p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endParaRPr kumimoji="0" lang="tr-TR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Allah (</a:t>
            </a:r>
            <a:r>
              <a:rPr kumimoji="0" lang="tr-TR" sz="32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c.c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.) inancı, insanı iyi davranışlara yönlendirir.</a:t>
            </a:r>
          </a:p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endParaRPr kumimoji="0" lang="tr-TR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  <a:p>
            <a:pPr marL="457200" marR="0" lvl="0" indent="-4572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Allah (</a:t>
            </a:r>
            <a:r>
              <a:rPr kumimoji="0" lang="tr-TR" sz="32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c.c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.) inancı, insanı kötü davranışlardan uzaklaştırı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630183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0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rgbClr val="0094FF">
                <a:alpha val="100000"/>
              </a:srgbClr>
            </a:gs>
            <a:gs pos="100000">
              <a:srgbClr val="003370">
                <a:alpha val="100000"/>
              </a:srgbClr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3045096" y="4914917"/>
            <a:ext cx="6101808" cy="1446276"/>
          </a:xfrm>
          <a:custGeom>
            <a:avLst/>
            <a:gdLst/>
            <a:ahLst/>
            <a:cxnLst/>
            <a:rect l="l" t="t" r="r" b="b"/>
            <a:pathLst>
              <a:path w="9152712" h="2169414">
                <a:moveTo>
                  <a:pt x="0" y="0"/>
                </a:moveTo>
                <a:lnTo>
                  <a:pt x="9152712" y="0"/>
                </a:lnTo>
                <a:lnTo>
                  <a:pt x="9152712" y="2169414"/>
                </a:lnTo>
                <a:lnTo>
                  <a:pt x="0" y="2169414"/>
                </a:lnTo>
                <a:lnTo>
                  <a:pt x="0" y="0"/>
                </a:lnTo>
                <a:close/>
              </a:path>
            </a:pathLst>
          </a:custGeom>
          <a:blipFill>
            <a:blip r:embed="rId3"/>
            <a:stretch>
              <a:fillRect/>
            </a:stretch>
          </a:blip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" name="Freeform 3">
            <a:hlinkClick r:id="" action="ppaction://hlinkshowjump?jump=nextslide"/>
          </p:cNvPr>
          <p:cNvSpPr/>
          <p:nvPr/>
        </p:nvSpPr>
        <p:spPr>
          <a:xfrm>
            <a:off x="2939357" y="1235323"/>
            <a:ext cx="6313287" cy="3991399"/>
          </a:xfrm>
          <a:custGeom>
            <a:avLst/>
            <a:gdLst/>
            <a:ahLst/>
            <a:cxnLst/>
            <a:rect l="l" t="t" r="r" b="b"/>
            <a:pathLst>
              <a:path w="9469930" h="5987098">
                <a:moveTo>
                  <a:pt x="0" y="0"/>
                </a:moveTo>
                <a:lnTo>
                  <a:pt x="9469930" y="0"/>
                </a:lnTo>
                <a:lnTo>
                  <a:pt x="9469930" y="5987099"/>
                </a:lnTo>
                <a:lnTo>
                  <a:pt x="0" y="5987099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 l="-22896" r="-23141"/>
            </a:stretch>
          </a:blip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4" name="Picture 4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-971981" y="-669912"/>
            <a:ext cx="1943961" cy="1652367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11220020" y="6031817"/>
            <a:ext cx="1943961" cy="1652367"/>
          </a:xfrm>
          <a:prstGeom prst="rect">
            <a:avLst/>
          </a:prstGeom>
        </p:spPr>
      </p:pic>
      <p:sp>
        <p:nvSpPr>
          <p:cNvPr id="6" name="Freeform 6">
            <a:hlinkClick r:id="" action="ppaction://hlinkshowjump?jump=nextslide"/>
          </p:cNvPr>
          <p:cNvSpPr/>
          <p:nvPr/>
        </p:nvSpPr>
        <p:spPr>
          <a:xfrm>
            <a:off x="3543212" y="1487843"/>
            <a:ext cx="5179102" cy="3379364"/>
          </a:xfrm>
          <a:custGeom>
            <a:avLst/>
            <a:gdLst/>
            <a:ahLst/>
            <a:cxnLst/>
            <a:rect l="l" t="t" r="r" b="b"/>
            <a:pathLst>
              <a:path w="7768653" h="5069046">
                <a:moveTo>
                  <a:pt x="0" y="0"/>
                </a:moveTo>
                <a:lnTo>
                  <a:pt x="7768652" y="0"/>
                </a:lnTo>
                <a:lnTo>
                  <a:pt x="7768652" y="5069046"/>
                </a:lnTo>
                <a:lnTo>
                  <a:pt x="0" y="5069046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7" name="Group 7"/>
          <p:cNvGrpSpPr/>
          <p:nvPr/>
        </p:nvGrpSpPr>
        <p:grpSpPr>
          <a:xfrm>
            <a:off x="4775200" y="228160"/>
            <a:ext cx="2975832" cy="1059149"/>
            <a:chOff x="1572461" y="-192881"/>
            <a:chExt cx="4336313" cy="1005645"/>
          </a:xfrm>
        </p:grpSpPr>
        <p:grpSp>
          <p:nvGrpSpPr>
            <p:cNvPr id="8" name="Group 8"/>
            <p:cNvGrpSpPr/>
            <p:nvPr/>
          </p:nvGrpSpPr>
          <p:grpSpPr>
            <a:xfrm>
              <a:off x="1598587" y="-192881"/>
              <a:ext cx="4310187" cy="1005645"/>
              <a:chOff x="0" y="-38100"/>
              <a:chExt cx="851395" cy="198646"/>
            </a:xfrm>
          </p:grpSpPr>
          <p:sp>
            <p:nvSpPr>
              <p:cNvPr id="9" name="Freeform 9"/>
              <p:cNvSpPr/>
              <p:nvPr/>
            </p:nvSpPr>
            <p:spPr>
              <a:xfrm>
                <a:off x="0" y="0"/>
                <a:ext cx="717690" cy="109011"/>
              </a:xfrm>
              <a:custGeom>
                <a:avLst/>
                <a:gdLst/>
                <a:ahLst/>
                <a:cxnLst/>
                <a:rect l="l" t="t" r="r" b="b"/>
                <a:pathLst>
                  <a:path w="851395" h="160546">
                    <a:moveTo>
                      <a:pt x="80273" y="0"/>
                    </a:moveTo>
                    <a:lnTo>
                      <a:pt x="771122" y="0"/>
                    </a:lnTo>
                    <a:cubicBezTo>
                      <a:pt x="792412" y="0"/>
                      <a:pt x="812829" y="8457"/>
                      <a:pt x="827884" y="23511"/>
                    </a:cubicBezTo>
                    <a:cubicBezTo>
                      <a:pt x="842938" y="38565"/>
                      <a:pt x="851395" y="58983"/>
                      <a:pt x="851395" y="80273"/>
                    </a:cubicBezTo>
                    <a:lnTo>
                      <a:pt x="851395" y="80273"/>
                    </a:lnTo>
                    <a:cubicBezTo>
                      <a:pt x="851395" y="101563"/>
                      <a:pt x="842938" y="121980"/>
                      <a:pt x="827884" y="137034"/>
                    </a:cubicBezTo>
                    <a:cubicBezTo>
                      <a:pt x="812829" y="152089"/>
                      <a:pt x="792412" y="160546"/>
                      <a:pt x="771122" y="160546"/>
                    </a:cubicBezTo>
                    <a:lnTo>
                      <a:pt x="80273" y="160546"/>
                    </a:lnTo>
                    <a:cubicBezTo>
                      <a:pt x="58983" y="160546"/>
                      <a:pt x="38565" y="152089"/>
                      <a:pt x="23511" y="137034"/>
                    </a:cubicBezTo>
                    <a:cubicBezTo>
                      <a:pt x="8457" y="121980"/>
                      <a:pt x="0" y="101563"/>
                      <a:pt x="0" y="80273"/>
                    </a:cubicBezTo>
                    <a:lnTo>
                      <a:pt x="0" y="80273"/>
                    </a:lnTo>
                    <a:cubicBezTo>
                      <a:pt x="0" y="58983"/>
                      <a:pt x="8457" y="38565"/>
                      <a:pt x="23511" y="23511"/>
                    </a:cubicBezTo>
                    <a:cubicBezTo>
                      <a:pt x="38565" y="8457"/>
                      <a:pt x="58983" y="0"/>
                      <a:pt x="80273" y="0"/>
                    </a:cubicBezTo>
                    <a:close/>
                  </a:path>
                </a:pathLst>
              </a:custGeom>
              <a:solidFill>
                <a:srgbClr val="FF0000"/>
              </a:solidFill>
            </p:spPr>
            <p:txBody>
              <a:bodyPr/>
              <a:lstStyle/>
              <a:p>
                <a:pPr marL="0" marR="0" lvl="0" indent="0" algn="l" defTabSz="60963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2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0" name="TextBox 10"/>
              <p:cNvSpPr txBox="1"/>
              <p:nvPr/>
            </p:nvSpPr>
            <p:spPr>
              <a:xfrm>
                <a:off x="0" y="-38100"/>
                <a:ext cx="851395" cy="198646"/>
              </a:xfrm>
              <a:prstGeom prst="rect">
                <a:avLst/>
              </a:prstGeom>
            </p:spPr>
            <p:txBody>
              <a:bodyPr lIns="33867" tIns="33867" rIns="33867" bIns="33867" rtlCol="0" anchor="ctr"/>
              <a:lstStyle/>
              <a:p>
                <a:pPr marL="0" marR="0" lvl="0" indent="0" algn="ctr" defTabSz="609630" rtl="0" eaLnBrk="1" fontAlgn="auto" latinLnBrk="0" hangingPunct="1">
                  <a:lnSpc>
                    <a:spcPts val="1773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sz="1200" b="0" i="0" u="none" strike="noStrike" kern="120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1" name="TextBox 11"/>
            <p:cNvSpPr txBox="1"/>
            <p:nvPr/>
          </p:nvSpPr>
          <p:spPr>
            <a:xfrm>
              <a:off x="1572461" y="137886"/>
              <a:ext cx="3633302" cy="332289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609630" rtl="0" eaLnBrk="1" fontAlgn="auto" latinLnBrk="0" hangingPunct="1">
                <a:lnSpc>
                  <a:spcPts val="266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667" b="0" i="0" u="none" strike="noStrike" kern="1200" cap="none" spc="0" normalizeH="0" baseline="0" noProof="0" dirty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League Spartan"/>
                  <a:cs typeface="League Spartan"/>
                  <a:sym typeface="League Spartan"/>
                </a:rPr>
                <a:t>Video </a:t>
              </a:r>
              <a:r>
                <a:rPr kumimoji="0" lang="en-US" sz="2667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League Spartan"/>
                  <a:cs typeface="League Spartan"/>
                  <a:sym typeface="League Spartan"/>
                </a:rPr>
                <a:t>izliyoruz</a:t>
              </a:r>
              <a:endParaRPr kumimoji="0" lang="en-US" sz="2667" b="0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League Spartan"/>
                <a:cs typeface="League Spartan"/>
                <a:sym typeface="League Spartan"/>
              </a:endParaRPr>
            </a:p>
          </p:txBody>
        </p:sp>
      </p:grpSp>
      <p:sp>
        <p:nvSpPr>
          <p:cNvPr id="12" name="Freeform 12"/>
          <p:cNvSpPr/>
          <p:nvPr/>
        </p:nvSpPr>
        <p:spPr>
          <a:xfrm>
            <a:off x="3148148" y="5505187"/>
            <a:ext cx="5895704" cy="776288"/>
          </a:xfrm>
          <a:custGeom>
            <a:avLst/>
            <a:gdLst/>
            <a:ahLst/>
            <a:cxnLst/>
            <a:rect l="l" t="t" r="r" b="b"/>
            <a:pathLst>
              <a:path w="9311321" h="1385059">
                <a:moveTo>
                  <a:pt x="0" y="0"/>
                </a:moveTo>
                <a:lnTo>
                  <a:pt x="9311321" y="0"/>
                </a:lnTo>
                <a:lnTo>
                  <a:pt x="9311321" y="1385059"/>
                </a:lnTo>
                <a:lnTo>
                  <a:pt x="0" y="1385059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14" name="Metin kutusu 13">
            <a:extLst>
              <a:ext uri="{FF2B5EF4-FFF2-40B4-BE49-F238E27FC236}">
                <a16:creationId xmlns:a16="http://schemas.microsoft.com/office/drawing/2014/main" id="{161C63EB-5366-BE13-3ED9-CE6BB27CE9B7}"/>
              </a:ext>
            </a:extLst>
          </p:cNvPr>
          <p:cNvSpPr txBox="1"/>
          <p:nvPr/>
        </p:nvSpPr>
        <p:spPr>
          <a:xfrm>
            <a:off x="4215154" y="5662485"/>
            <a:ext cx="7071756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tr-TR" dirty="0">
                <a:solidFill>
                  <a:srgbClr val="FF0000"/>
                </a:solidFill>
              </a:rPr>
              <a:t>https://www.youtube.com/watch?v=xbFyYNVCniI</a:t>
            </a:r>
          </a:p>
        </p:txBody>
      </p:sp>
    </p:spTree>
    <p:custDataLst>
      <p:tags r:id="rId1"/>
    </p:custData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Çevrimiçi Medya 1" title="Tefekküre Çağrı">
            <a:hlinkClick r:id="" action="ppaction://media"/>
            <a:extLst>
              <a:ext uri="{FF2B5EF4-FFF2-40B4-BE49-F238E27FC236}">
                <a16:creationId xmlns:a16="http://schemas.microsoft.com/office/drawing/2014/main" id="{0A6C182D-1FB9-F6EF-0E5A-F3C2DF59A07D}"/>
              </a:ext>
            </a:extLst>
          </p:cNvPr>
          <p:cNvPicPr>
            <a:picLocks noRot="1" noChangeAspect="1"/>
          </p:cNvPicPr>
          <p:nvPr>
            <a:videoFile r:link="rId2"/>
          </p:nvPr>
        </p:nvPicPr>
        <p:blipFill>
          <a:blip r:embed="rId4"/>
          <a:stretch>
            <a:fillRect/>
          </a:stretch>
        </p:blipFill>
        <p:spPr>
          <a:xfrm>
            <a:off x="0" y="-15241"/>
            <a:ext cx="12192000" cy="688848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3739245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lumMod val="95000"/>
              </a:schemeClr>
            </a:gs>
            <a:gs pos="100000">
              <a:schemeClr val="bg1">
                <a:lumMod val="95000"/>
              </a:schemeClr>
            </a:gs>
            <a:gs pos="100000">
              <a:schemeClr val="accent1">
                <a:lumMod val="45000"/>
                <a:lumOff val="55000"/>
              </a:schemeClr>
            </a:gs>
            <a:gs pos="100000">
              <a:schemeClr val="accent1">
                <a:lumMod val="30000"/>
                <a:lumOff val="70000"/>
              </a:schemeClr>
            </a:gs>
          </a:gsLst>
          <a:lin ang="5400000" scaled="1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Resim 4"/>
          <p:cNvPicPr>
            <a:picLocks noChangeAspect="1"/>
          </p:cNvPicPr>
          <p:nvPr/>
        </p:nvPicPr>
        <p:blipFill rotWithShape="1">
          <a:blip r:embed="rId4"/>
          <a:srcRect l="18704" t="5965" r="17795" b="-283"/>
          <a:stretch/>
        </p:blipFill>
        <p:spPr>
          <a:xfrm>
            <a:off x="4119371" y="2567505"/>
            <a:ext cx="4168586" cy="3483746"/>
          </a:xfrm>
          <a:prstGeom prst="rect">
            <a:avLst/>
          </a:prstGeom>
        </p:spPr>
      </p:pic>
      <p:sp>
        <p:nvSpPr>
          <p:cNvPr id="6" name="Dikdörtgen Belirtme Çizgisi 5"/>
          <p:cNvSpPr/>
          <p:nvPr/>
        </p:nvSpPr>
        <p:spPr>
          <a:xfrm>
            <a:off x="281380" y="2082981"/>
            <a:ext cx="3644155" cy="1374227"/>
          </a:xfrm>
          <a:prstGeom prst="wedgeRectCallout">
            <a:avLst>
              <a:gd name="adj1" fmla="val 80791"/>
              <a:gd name="adj2" fmla="val 50193"/>
            </a:avLst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Ben kimim?</a:t>
            </a:r>
            <a:endParaRPr kumimoji="0" lang="tr-TR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7" name="Dikdörtgen Belirtme Çizgisi 6"/>
          <p:cNvSpPr/>
          <p:nvPr/>
        </p:nvSpPr>
        <p:spPr>
          <a:xfrm>
            <a:off x="8346140" y="2118450"/>
            <a:ext cx="3648634" cy="1145627"/>
          </a:xfrm>
          <a:prstGeom prst="wedgeRectCallout">
            <a:avLst>
              <a:gd name="adj1" fmla="val -81196"/>
              <a:gd name="adj2" fmla="val 39103"/>
            </a:avLst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Niçin yaratıldım?</a:t>
            </a:r>
          </a:p>
        </p:txBody>
      </p:sp>
      <p:sp>
        <p:nvSpPr>
          <p:cNvPr id="8" name="Dikdörtgen Belirtme Çizgisi 7"/>
          <p:cNvSpPr/>
          <p:nvPr/>
        </p:nvSpPr>
        <p:spPr>
          <a:xfrm>
            <a:off x="8346140" y="5060271"/>
            <a:ext cx="3711388" cy="1631577"/>
          </a:xfrm>
          <a:prstGeom prst="wedgeRectCallout">
            <a:avLst>
              <a:gd name="adj1" fmla="val -83612"/>
              <a:gd name="adj2" fmla="val -98260"/>
            </a:avLst>
          </a:prstGeom>
          <a:solidFill>
            <a:srgbClr val="FF7C8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Sonum ne olacak?</a:t>
            </a:r>
          </a:p>
        </p:txBody>
      </p:sp>
      <p:sp>
        <p:nvSpPr>
          <p:cNvPr id="9" name="Dikdörtgen Belirtme Çizgisi 8"/>
          <p:cNvSpPr/>
          <p:nvPr/>
        </p:nvSpPr>
        <p:spPr>
          <a:xfrm>
            <a:off x="214147" y="5060270"/>
            <a:ext cx="3711388" cy="1631577"/>
          </a:xfrm>
          <a:prstGeom prst="wedgeRectCallout">
            <a:avLst>
              <a:gd name="adj1" fmla="val 70012"/>
              <a:gd name="adj2" fmla="val -100457"/>
            </a:avLst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Evren nasıl var oldu?</a:t>
            </a:r>
          </a:p>
        </p:txBody>
      </p:sp>
      <p:grpSp>
        <p:nvGrpSpPr>
          <p:cNvPr id="10" name="Grup 9"/>
          <p:cNvGrpSpPr/>
          <p:nvPr/>
        </p:nvGrpSpPr>
        <p:grpSpPr>
          <a:xfrm>
            <a:off x="281380" y="-330434"/>
            <a:ext cx="4166454" cy="2438401"/>
            <a:chOff x="191072" y="0"/>
            <a:chExt cx="4166454" cy="2438401"/>
          </a:xfrm>
        </p:grpSpPr>
        <p:sp>
          <p:nvSpPr>
            <p:cNvPr id="11" name="TextBox 52">
              <a:extLst>
                <a:ext uri="{FF2B5EF4-FFF2-40B4-BE49-F238E27FC236}">
                  <a16:creationId xmlns:a16="http://schemas.microsoft.com/office/drawing/2014/main" id="{36F2A3DF-B89B-479F-9421-5C9230156412}"/>
                </a:ext>
              </a:extLst>
            </p:cNvPr>
            <p:cNvSpPr txBox="1"/>
            <p:nvPr/>
          </p:nvSpPr>
          <p:spPr>
            <a:xfrm>
              <a:off x="191072" y="0"/>
              <a:ext cx="577452" cy="2438401"/>
            </a:xfrm>
            <a:prstGeom prst="rect">
              <a:avLst/>
            </a:prstGeom>
            <a:noFill/>
          </p:spPr>
          <p:txBody>
            <a:bodyPr wrap="square" lIns="0" tIns="0" rIns="0" bIns="0" rtlCol="0" anchor="ctr">
              <a:noAutofit/>
            </a:bodyPr>
            <a:lstStyle>
              <a:defPPr>
                <a:defRPr lang="en-US"/>
              </a:defPPr>
              <a:lvl1pPr algn="ctr">
                <a:defRPr sz="3200">
                  <a:latin typeface="나눔스퀘어 ExtraBold" panose="020B0600000101010101" pitchFamily="50" charset="-127"/>
                  <a:ea typeface="나눔스퀘어 ExtraBold" panose="020B0600000101010101" pitchFamily="50" charset="-127"/>
                </a:defRPr>
              </a:lvl1pPr>
            </a:lstStyle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altLang="ko-KR" sz="10000" b="1" i="0" u="none" strike="noStrike" kern="1200" cap="none" spc="0" normalizeH="0" baseline="0" noProof="0" dirty="0">
                  <a:ln>
                    <a:noFill/>
                  </a:ln>
                  <a:solidFill>
                    <a:srgbClr val="FFD38E"/>
                  </a:solidFill>
                  <a:effectLst/>
                  <a:uLnTx/>
                  <a:uFillTx/>
                  <a:latin typeface="Arial" panose="020B0604020202020204" pitchFamily="34" charset="0"/>
                  <a:ea typeface="맑은 고딕" panose="020B0503020000020004" pitchFamily="50" charset="-127"/>
                  <a:cs typeface="Arial" panose="020B0604020202020204" pitchFamily="34" charset="0"/>
                </a:rPr>
                <a:t>3</a:t>
              </a:r>
              <a:endParaRPr kumimoji="0" lang="ko-KR" altLang="en-US" sz="10000" b="1" i="0" u="none" strike="noStrike" kern="1200" cap="none" spc="0" normalizeH="0" baseline="0" noProof="0" dirty="0">
                <a:ln>
                  <a:noFill/>
                </a:ln>
                <a:solidFill>
                  <a:srgbClr val="FFD38E"/>
                </a:solidFill>
                <a:effectLst/>
                <a:uLnTx/>
                <a:uFillTx/>
                <a:latin typeface="Arial" panose="020B0604020202020204" pitchFamily="34" charset="0"/>
                <a:ea typeface="맑은 고딕" panose="020B0503020000020004" pitchFamily="50" charset="-127"/>
                <a:cs typeface="Arial" panose="020B0604020202020204" pitchFamily="34" charset="0"/>
              </a:endParaRPr>
            </a:p>
          </p:txBody>
        </p:sp>
        <p:grpSp>
          <p:nvGrpSpPr>
            <p:cNvPr id="12" name="Grup 11"/>
            <p:cNvGrpSpPr/>
            <p:nvPr/>
          </p:nvGrpSpPr>
          <p:grpSpPr>
            <a:xfrm>
              <a:off x="250226" y="440353"/>
              <a:ext cx="4107300" cy="1532708"/>
              <a:chOff x="250226" y="440353"/>
              <a:chExt cx="4107300" cy="1532708"/>
            </a:xfrm>
          </p:grpSpPr>
          <p:sp>
            <p:nvSpPr>
              <p:cNvPr id="13" name="TextBox 65">
                <a:extLst>
                  <a:ext uri="{FF2B5EF4-FFF2-40B4-BE49-F238E27FC236}">
                    <a16:creationId xmlns:a16="http://schemas.microsoft.com/office/drawing/2014/main" id="{196E9F0E-FA39-4478-A061-A67367EC3BEA}"/>
                  </a:ext>
                </a:extLst>
              </p:cNvPr>
              <p:cNvSpPr txBox="1"/>
              <p:nvPr/>
            </p:nvSpPr>
            <p:spPr>
              <a:xfrm>
                <a:off x="899624" y="784493"/>
                <a:ext cx="3291751" cy="984885"/>
              </a:xfrm>
              <a:prstGeom prst="rect">
                <a:avLst/>
              </a:prstGeom>
              <a:noFill/>
            </p:spPr>
            <p:txBody>
              <a:bodyPr wrap="square" lIns="0" tIns="0" rIns="0" bIns="0" rtlCol="0" anchor="ctr">
                <a:spAutoFit/>
              </a:bodyPr>
              <a:lstStyle>
                <a:defPPr>
                  <a:defRPr lang="en-US"/>
                </a:defPPr>
                <a:lvl1pPr algn="ctr">
                  <a:defRPr sz="3200">
                    <a:latin typeface="나눔스퀘어 ExtraBold" panose="020B0600000101010101" pitchFamily="50" charset="-127"/>
                    <a:ea typeface="나눔스퀘어 ExtraBold" panose="020B0600000101010101" pitchFamily="50" charset="-127"/>
                  </a:defRPr>
                </a:lvl1pPr>
              </a:lstStyle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altLang="ko-KR" sz="32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 panose="020B0503020000020004" pitchFamily="50" charset="-127"/>
                    <a:cs typeface="Arial" panose="020B0604020202020204" pitchFamily="34" charset="0"/>
                  </a:rPr>
                  <a:t>Allah inancının</a:t>
                </a:r>
              </a:p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altLang="ko-KR" sz="32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 panose="020B0503020000020004" pitchFamily="50" charset="-127"/>
                    <a:cs typeface="Arial" panose="020B0604020202020204" pitchFamily="34" charset="0"/>
                  </a:rPr>
                  <a:t>Anlam arayışı</a:t>
                </a:r>
                <a:endParaRPr kumimoji="0" lang="ko-KR" altLang="en-US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Arial"/>
                  <a:ea typeface="맑은 고딕" panose="020B0503020000020004" pitchFamily="50" charset="-127"/>
                  <a:cs typeface="Arial" panose="020B0604020202020204" pitchFamily="34" charset="0"/>
                </a:endParaRPr>
              </a:p>
            </p:txBody>
          </p:sp>
          <p:grpSp>
            <p:nvGrpSpPr>
              <p:cNvPr id="14" name="그룹 3">
                <a:extLst>
                  <a:ext uri="{FF2B5EF4-FFF2-40B4-BE49-F238E27FC236}">
                    <a16:creationId xmlns:a16="http://schemas.microsoft.com/office/drawing/2014/main" id="{BDF7D3E5-4776-4011-AA3D-452BE8122580}"/>
                  </a:ext>
                </a:extLst>
              </p:cNvPr>
              <p:cNvGrpSpPr/>
              <p:nvPr/>
            </p:nvGrpSpPr>
            <p:grpSpPr>
              <a:xfrm>
                <a:off x="250226" y="440353"/>
                <a:ext cx="4107300" cy="1532708"/>
                <a:chOff x="798005" y="1323908"/>
                <a:chExt cx="2193186" cy="1100576"/>
              </a:xfrm>
              <a:solidFill>
                <a:srgbClr val="FFD38E"/>
              </a:solidFill>
            </p:grpSpPr>
            <p:sp>
              <p:nvSpPr>
                <p:cNvPr id="15" name="직사각형 1">
                  <a:extLst>
                    <a:ext uri="{FF2B5EF4-FFF2-40B4-BE49-F238E27FC236}">
                      <a16:creationId xmlns:a16="http://schemas.microsoft.com/office/drawing/2014/main" id="{D08A809F-A608-49F9-B44E-A128660ED25F}"/>
                    </a:ext>
                  </a:extLst>
                </p:cNvPr>
                <p:cNvSpPr/>
                <p:nvPr/>
              </p:nvSpPr>
              <p:spPr>
                <a:xfrm>
                  <a:off x="798005" y="2340524"/>
                  <a:ext cx="1882705" cy="83960"/>
                </a:xfrm>
                <a:prstGeom prst="rect">
                  <a:avLst/>
                </a:prstGeom>
                <a:grpFill/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lIns="0" tIns="0" rIns="0" bIns="0" rtlCol="0" anchor="ctr"/>
                <a:lstStyle/>
                <a:p>
                  <a:pPr marL="0" marR="0" lvl="0" indent="0" algn="ctr" defTabSz="914400" rtl="0" eaLnBrk="1" fontAlgn="auto" latinLnBrk="0" hangingPunct="1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ClrTx/>
                    <a:buSzTx/>
                    <a:buFontTx/>
                    <a:buNone/>
                    <a:tabLst/>
                    <a:defRPr/>
                  </a:pPr>
                  <a:endParaRPr kumimoji="0" lang="ko-KR" altLang="en-US" sz="1800" b="0" i="0" u="none" strike="noStrike" kern="1200" cap="none" spc="0" normalizeH="0" baseline="0" noProof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/>
                    <a:cs typeface="+mn-cs"/>
                  </a:endParaRPr>
                </a:p>
              </p:txBody>
            </p:sp>
            <p:sp>
              <p:nvSpPr>
                <p:cNvPr id="16" name="화살표: 갈매기형 수장 2">
                  <a:extLst>
                    <a:ext uri="{FF2B5EF4-FFF2-40B4-BE49-F238E27FC236}">
                      <a16:creationId xmlns:a16="http://schemas.microsoft.com/office/drawing/2014/main" id="{C70FFE5C-DD26-4DD8-8F0A-CF25EF341D28}"/>
                    </a:ext>
                  </a:extLst>
                </p:cNvPr>
                <p:cNvSpPr/>
                <p:nvPr/>
              </p:nvSpPr>
              <p:spPr>
                <a:xfrm>
                  <a:off x="2585833" y="1323908"/>
                  <a:ext cx="405358" cy="1100576"/>
                </a:xfrm>
                <a:prstGeom prst="chevron">
                  <a:avLst>
                    <a:gd name="adj" fmla="val 70365"/>
                  </a:avLst>
                </a:prstGeom>
                <a:grpFill/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lIns="0" tIns="0" rIns="0" bIns="0" rtlCol="0" anchor="ctr"/>
                <a:lstStyle/>
                <a:p>
                  <a:pPr marL="0" marR="0" lvl="0" indent="0" algn="ctr" defTabSz="914400" rtl="0" eaLnBrk="1" fontAlgn="auto" latinLnBrk="0" hangingPunct="1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ClrTx/>
                    <a:buSzTx/>
                    <a:buFontTx/>
                    <a:buNone/>
                    <a:tabLst/>
                    <a:defRPr/>
                  </a:pPr>
                  <a:endParaRPr kumimoji="0" lang="ko-KR" altLang="en-US" sz="1800" b="0" i="0" u="none" strike="noStrike" kern="1200" cap="none" spc="0" normalizeH="0" baseline="0" noProof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Arial"/>
                    <a:ea typeface="맑은 고딕"/>
                    <a:cs typeface="+mn-cs"/>
                  </a:endParaRPr>
                </a:p>
              </p:txBody>
            </p:sp>
          </p:grp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17582197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7" grpId="0" animBg="1"/>
      <p:bldP spid="8" grpId="0" animBg="1"/>
      <p:bldP spid="9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4,&quot;colors&quot;:{&quot;asideBackground&quot;:{&quot;color&quot;:&quot;#EFF1F2&quot;,&quot;opacity&quot;:1,&quot;type&quot;:&quot;SOLID&quot;},&quot;asideElementBackgroundActive&quot;:{&quot;color&quot;:&quot;#A282ED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FFFFFF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degree&quot;:90,&quot;gradient&quot;:[{&quot;color&quot;:&quot;#8695FF&quot;,&quot;opacity&quot;:1},{&quot;color&quot;:&quot;#D65FCC&quot;,&quot;opacity&quot;:1}],&quot;type&quot;:&quot;GRADIENT&quot;},&quot;primaryButtonBackgroundHover&quot;:{&quot;degree&quot;:180,&quot;gradient&quot;:[{&quot;color&quot;:&quot;#8695FF&quot;,&quot;opacity&quot;:1},{&quot;color&quot;:&quot;#D65FCC&quot;,&quot;opacity&quot;:1}],&quot;type&quot;:&quot;GRADIENT&quot;},&quot;primaryButtonBorder&quot;:{&quot;color&quot;:&quot;#8962DB&quot;,&quot;opacity&quot;:0,&quot;type&quot;:&quot;SOLID&quot;},&quot;primaryButtonBorderHover&quot;:{&quot;color&quot;:&quot;#7150B6&quot;,&quot;opacity&quot;:0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false,&quot;showPrevButton&quot;:true,&quot;showRewind&quot;:false,&quot;showSlideNumbers&quot;:true,&quot;showSlideOnlyButton&quot;:true,&quot;showTimer&quot;:false,&quot;showVolumeControl&quot;:true,&quot;visible&quot;:true},&quot;fontFamily&quot;:&quot;Candara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outline&quot;],&quot;buttonsAtLeft&quot;:false,&quot;courseTitleVisible&quot;:true,&quot;showLogo&quot;:true,&quot;visible&quot;:tru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Sonraki&quot;,&quot;PB_ACCESSIBLE_NAVIGATION_PREV_BUTTON&quot;:&quot;Önceki 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Dökoman&quot;,&quot;PB_ATTACHMENT_FILE_SUBTITLE&quot;:&quot;Dosya&quot;,&quot;PB_ATTACHMENT_IMAGE_SUBTITLE&quot;:&quot;Resim&quot;,&quot;PB_ATTACHMENT_LINK_SUBTITLE&quot;:&quot;Link&quot;,&quot;PB_ATTACHMENT_VIDEO_SUBTITLE&quot;:&quot;Video&quot;,&quot;PB_BACK_TO_APP_BUTTON_LABEL&quot;:&quot;Geri&quot;,&quot;PB_CC_MENU_OFF&quot;:&quot;Off&quot;,&quot;PB_CC_MENU_ON&quot;:&quot;On&quot;,&quot;PB_CC_MENU_TITLE&quot;:&quot;Notes&quot;,&quot;PB_CONTROL_PANEL_CLOSED_CAPTIONS&quot;:&quot;PB_CONTROL_PANEL_CLOSED_CAPTIONS&quot;,&quot;PB_CONTROL_PANEL_EXIT_FULL_SCREEN&quot;:&quot;Tam ekrandan çık&quot;,&quot;PB_CONTROL_PANEL_FULL_SCREEN&quot;:&quot;Tam ekran&quot;,&quot;PB_CONTROL_PANEL_NEXT&quot;:&quot;SONRAKİ&quot;,&quot;PB_CONTROL_PANEL_OUTLINE&quot;:&quot;OUTLINE&quot;,&quot;PB_CONTROL_PANEL_PREV&quot;:&quot;ÖNCEKİ&quot;,&quot;PB_CONTROL_PANEL_REPLAY&quot;:&quot;Tekrarlama&quot;,&quot;PB_CONTROL_PANEL_SLIDE_COUNTER&quot;:&quot;%SLIDE_NUMBER%\/%TOTAL_SLIDES%&quot;,&quot;PB_CONTROL_PANEL_VOLUME_CONTROL&quot;:&quot;Ses seviyesi&quot;,&quot;PB_CURRENT_SLIDE_IS_NOT_COMPLETED&quot;:&quot;Devam etmek için slaydın tamamını görüntülemeniz gerekiyor&quot;,&quot;PB_DOMAIN_RESTRICTION&quot;:&quot;Üzgünüz, yazar bu alandaki sunumun görüntülenmesini devre dışı bırakt&quot;,&quot;PB_DRAWING_TOOLS_END_DRAWING&quot;:&quot;Çizimi sonlandır&quot;,&quot;PB_DRAWING_TOOLS_ERASER&quot;:&quot;Silgi&quot;,&quot;PB_DRAWING_TOOLS_ERASE_ALL&quot;:&quot;Tümünü Sil&quot;,&quot;PB_DRAWING_TOOLS_HIGHLIGHTER&quot;:&quot;İşaretleyici&quot;,&quot;PB_DRAWING_TOOLS_PEN&quot;:&quot;Kalem&quot;,&quot;PB_ENTER_PASSWORD&quot;:&quot;Sunuyu görüntülemek için şifre girin&quot;,&quot;PB_INCORRECT_PASSWORD&quot;:&quot;Şire yanlış&quot;,&quot;PB_INTERACTION_SLIDE_WINDOW_TEXT&quot;:&quot;Bu slayttan ayrılmadan önce etkileşimi tamamlamanız gerekmektedir.&quot;,&quot;PB_MESSAGE_BOX_NO&quot;:&quot;HAYIR&quot;,&quot;PB_MESSAGE_BOX_OK&quot;:&quot;Tamam&quot;,&quot;PB_MESSAGE_BOX_YES&quot;:&quot;EVET&quot;,&quot;PB_NAVIGATION_IS_RESTRICTED&quot;:&quot;Yalnızca daha önce görüntülenen slaytlara erişebilirsiniz.&quot;,&quot;PB_NAVIGATION_IS_SEQUENTIAL&quot;:&quot;Slaytları verilen sırayla görüntülemeniz gerekir.&quot;,&quot;PB_PLAYBACK_RATE_MENU_CAPTION&quot;:&quot;Speed&quot;,&quot;PB_PRECEDING_QUIZ_FAILED_WINDOW_TEXT&quot;:&quot;%SLIDE_INDEX% slaytındaki sınavı geçemediğiniz için ilerleyemezsiniz.&quot;,&quot;PB_PRECEDING_QUIZ_NOT_COMPLETED_WINDOW_TEXT&quot;:&quot;İlerlemek için %SLIDE_INDEX% slaytındaki testi denemelisiniz.&quot;,&quot;PB_PRECEDING_QUIZ_NOT_PASSED_WINDOW_TEXT&quot;:&quot;İlerlemek için %SLIDE_INDEX% slaytındaki testi geçmelisiniz.&quot;,&quot;PB_PRECEDING_SCENARIO_FAILED_WINDOW_TEXT&quot;:&quot;%SLIDEINDEX% slaytındaki simülasyonu geçemediğiniz için ilerleyemezsiniz.&quot;,&quot;PB_PRECEDING_SCENARIO_NOT_COMPLETED_WINDOW_TEXT&quot;:&quot;İlerlemek için %SLIDE_INDEX% slaytındaki simülasyonu denemelisiniz.&quot;,&quot;PB_PRECEDING_SCENARIO_NOT_PASSED_WINDOW_TEXT&quot;:&quot;İlerlemek için %SLIDE_INDEX% slaytındaki simülasyonu geçmelisiniz.&quot;,&quot;PB_PRESENTER_COLLAPSE_BIO&quot;:&quot;Daha faz göster&quot;,&quot;PB_PRESENTER_EMAIL&quot;:&quot;Email&quot;,&quot;PB_PRESENTER_EXPAND_BIO&quot;:&quot;Daha fazla göster&quot;,&quot;PB_PRESENTER_NO_INFO&quot;:&quot;Sunucu Bilgisi Yok&quot;,&quot;PB_PRESENTER_WEBSITE&quot;:&quot;Website&quot;,&quot;PB_QUIZ_SLIDE_WINDOW_TEXT&quot;:&quot;Bu slayttan ayrılmadan önce testi tamamlamanız gerekmektedir.&quot;,&quot;PB_RATE_MENU_CAPTION&quot;:&quot;Hız&quot;,&quot;PB_RATE_MENU_DEFAULT_RATE&quot;:&quot;Normal&quot;,&quot;PB_RESUME_PRESENTATION_WINDOW_TEXT&quot;:&quot;Sunuyu son görüntülenen slayttan devam ettirmek ister misiniz?&quot;,&quot;PB_SCENARIO_SLIDE_WINDOW_TEXT&quot;:&quot;Bu slayttan ayrılmadan önce simülasyonu tamamlamanız gerekmektedir.&quot;,&quot;PB_SEARCH_CANCEL&quot;:&quot;İptal&quot;,&quot;PB_SEARCH_NO_RESULTS_LABEL&quot;:&quot;Hiçbir sonuç bulunamadı&quot;,&quot;PB_SEARCH_PANEL_DEFAULT_TEXT&quot;:&quot;Ara&quot;,&quot;PB_SEARCH_RESULTS_LABEL&quot;:&quot;ARARMA SONUÇLARI&quot;,&quot;PB_SEARCH_RESULT_IN_NOTES&quot;:&quot;Notlarda ara&quot;,&quot;PB_SEARCH_RESULT_IN_TEXT_LABEL&quot;:&quot;[slayt metni&quot;,&quot;PB_SUBTITLES_MENU_CAPTION&quot;:&quot;Subtitles&quot;,&quot;PB_SUBTITLES_OFF&quot;:&quot;Off&quot;,&quot;PB_TAB_NOTES_LABEL&quot;:&quot;Notlar&quot;,&quot;PB_TAB_OUTLINE_LABEL&quot;:&quot;İÇİNDEKİLER&quot;,&quot;PB_TIME_RESTRICTION&quot;:&quot;Üzgünüz, yazar şu anda sunumu görüntülemeyi devre dışı bıraktı.&quot;,&quot;PB_TITLE_PANEL_ATTACHMENTS&quot;:&quot;www.dindersimateryal.com&quot;,&quot;PB_TITLE_PANEL_MARKER_TOOLS&quot;:&quot;Kalem\/İşaretleyici&quot;,&quot;PB_TITLE_PANEL_NOTES&quot;:&quot;Notlar&quot;,&quot;PB_TITLE_PANEL_OUTLINE&quot;:&quot;İçindekiler&quot;,&quot;PB_TITLE_PANEL_PRESENTER_INFO&quot;:&quot;Sunucu Bilgisi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COURSE_TITLE&quot;,&quot;DT_REFERENCE_URL&quot;,&quot;DT_REFERENCE_TITLE&quot;,&quot;DT_SLIDE_TITLE&quot;,&quot;DT_SLIDE_NOTES_TEXT&quot;,&quot;DT_SLIDE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&quot;,&quot;fontFamily&quot;:&quot;Candara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&quot;,&quot;fontFamily&quot;:&quot;Candara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i&quot;,&quot;fontFamily&quot;:&quot;Candara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i&quot;,&quot;fontFamily&quot;:&quot;Candara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&quot;,&quot;fontFamily&quot;:&quot;Candara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Link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i&quot;,&quot;fontFamily&quot;:&quot;Candara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fullscreen,volumeControl,slideNumber,goToPrev,goToNext&quot;,&quot;playerLayoutHeader&quot;:&quot;resources,markerTools,outline,title,logo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4,&quot;playerThemeColorScheme&quot;:&quot;builtin.lightPurple&quot;,&quot;playerThemeFont&quot;:&quot;Candara&quot;}}}"/>
  <p:tag name="ISPRING-SUITE_ISPRING_CURRENT_PLAYER_ID" val="universal"/>
  <p:tag name="ISPRING_PRESENTATION_COURSE_TITLE" val="10.1.1. Allah İnancı ve İnsan"/>
  <p:tag name="ISPRING_LMS_API_VERSION" val="SCORM 2004 (4th edition)"/>
  <p:tag name="ISPRING_ULTRA_SCORM_COURSE_ID" val="A4E5A90D-112E-4618-8B1B-1CCB3E647C2E"/>
  <p:tag name="ISPRING_CMI5_LAUNCH_METHOD" val="any window"/>
  <p:tag name="İSPRİNGCLOUDFOLDERID" val="1"/>
  <p:tag name="İSPRİNGONLİNEFOLDERID" val="1"/>
  <p:tag name="ISPRING_OUTPUT_FOLDER" val="[[&quot;W\uFFFD\uFFFD{B183E348-C202-44F7-B565-2C1AFCBC22E2}&quot;,&quot;C:\\Users\\Monster\\Desktop\\SUNULAR\\LİSE\\10. SINIF\\1.ÜNİTE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PASSING_SCORE" val="0.000000"/>
  <p:tag name="ISPRING_PRESENTATION_TITLE" val="10.1.1. Allah İnancı ve İnsan"/>
  <p:tag name="ISPRING_FIRST_PUBLISH" val="1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1&quot;/&gt;&lt;/TableIndex&gt;&lt;/ShapeTextInfo&gt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30&quot;/&gt;&lt;lineCharCount val=&quot;13&quot;/&gt;&lt;lineCharCount val=&quot;13&quot;/&gt;&lt;lineCharCount val=&quot;15&quot;/&gt;&lt;lineCharCount val=&quot;13&quot;/&gt;&lt;/TableIndex&gt;&lt;/ShapeTextInfo&gt;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9&quot;/&gt;&lt;/TableIndex&gt;&lt;/ShapeTextInfo&gt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1&quot;/&gt;&lt;/TableIndex&gt;&lt;/ShapeTextInfo&gt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30&quot;/&gt;&lt;lineCharCount val=&quot;13&quot;/&gt;&lt;lineCharCount val=&quot;13&quot;/&gt;&lt;lineCharCount val=&quot;15&quot;/&gt;&lt;lineCharCount val=&quot;13&quot;/&gt;&lt;/TableIndex&gt;&lt;/ShapeTextInfo&gt;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A3DCB82-D16C-402F-B8CA-4F932AA8F6AA}:256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40BB56B-CDFA-40FE-B058-A3665A13AE4F}:257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0683CCA-36F3-4E68-8440-0BD335B760A2}:258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08AC12E-9A4F-4143-91C9-8D52673D5CC3}:259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20B5DBE-3FAA-4247-AA00-51EB3B90353E}:260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1BE17BB-47AF-409C-B431-BFA87D9B5D6D}:261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46AED85-CB9B-47F3-B515-709A9B5954DC}:392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5697F54-7EF0-40E0-8DD1-E67ACA47322D}:393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0D812D-D81F-4B75-86BF-C4297A3D6BAB}:262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9&quot;/&gt;&lt;/TableIndex&gt;&lt;/ShapeTextInfo&gt;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9AAF6B4-5C72-4A5A-B713-1DFEF45F11DC}:263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2BF03DF-13EA-4ECA-BDD0-DD358CB7C85D}:264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Etkinlik"/>
  <p:tag name="ISPRING_SLIDE_INDENT_LEVEL" val="0"/>
  <p:tag name="ISPRING_CUSTOM_TIMING_USED" val="0"/>
  <p:tag name="GENSWF_SLIDE_UID" val="{6AB1ADC1-A558-41A6-9024-DD2BA786FEC6}:265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Doğru Yanlış"/>
  <p:tag name="ISPRING_SLIDE_INDENT_LEVEL" val="0"/>
  <p:tag name="ISPRING_CUSTOM_TIMING_USED" val="0"/>
  <p:tag name="GENSWF_SLIDE_UID" val="{3591967B-5B78-4E4D-A7D1-B6726C972A7A}:266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est"/>
  <p:tag name="ISPRING_SLIDE_INDENT_LEVEL" val="0"/>
  <p:tag name="ISPRING_CUSTOM_TIMING_USED" val="0"/>
  <p:tag name="GENSWF_SLIDE_UID" val="{B913C931-B2F0-49AE-BCAD-049AEE62BA8B}:267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0"/>
  <p:tag name="GENSWF_SLIDE_TITLE" val="Test Sorusu"/>
  <p:tag name="GENSWF_SLIDE_UID" val="{865335CA-3AFA-4AE5-82FF-3C9B90B74651}:268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est soru"/>
  <p:tag name="ISPRING_SLIDE_INDENT_LEVEL" val="0"/>
  <p:tag name="ISPRING_CUSTOM_TIMING_USED" val="0"/>
  <p:tag name="GENSWF_SLIDE_UID" val="{19763B7D-9424-4355-A5DC-98C7414AEE01}:269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est soru"/>
  <p:tag name="ISPRING_SLIDE_INDENT_LEVEL" val="0"/>
  <p:tag name="ISPRING_CUSTOM_TIMING_USED" val="0"/>
  <p:tag name="GENSWF_SLIDE_UID" val="{D75EF986-76DC-48C1-B315-534947F84C01}:270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n Sayfa: Tanıtım"/>
  <p:tag name="ISPRING_SLIDE_INDENT_LEVEL" val="0"/>
  <p:tag name="ISPRING_CUSTOM_TIMING_USED" val="0"/>
  <p:tag name="GENSWF_SLIDE_UID" val="{CAF0FEAD-FD3B-488A-88D4-2AF3BD4567AF}:391"/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1&quot;/&gt;&lt;/TableIndex&gt;&lt;/ShapeTextInfo&gt;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8&quot;/&gt;&lt;/TableIndex&gt;&lt;/ShapeTextInfo&gt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9&quot;/&gt;&lt;/TableIndex&gt;&lt;/ShapeTextInfo&gt;"/>
</p:tagLst>
</file>

<file path=ppt/theme/theme1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10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JAY DESIGN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JAY DESIGN">
      <a:majorFont>
        <a:latin typeface="Arial"/>
        <a:ea typeface="맑은 고딕"/>
        <a:cs typeface=""/>
      </a:majorFont>
      <a:minorFont>
        <a:latin typeface="Arial"/>
        <a:ea typeface="맑은 고딕"/>
        <a:cs typeface="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85000"/>
          </a:schemeClr>
        </a:solidFill>
        <a:ln>
          <a:noFill/>
        </a:ln>
      </a:spPr>
      <a:bodyPr lIns="0" tIns="0" rIns="0" bIns="0" rtlCol="0" anchor="ctr"/>
      <a:lstStyle>
        <a:defPPr algn="ctr">
          <a:defRPr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square" lIns="0" tIns="0" rIns="0" bIns="0" rtlCol="0">
        <a:spAutoFit/>
      </a:bodyPr>
      <a:lstStyle>
        <a:defPPr>
          <a:defRPr dirty="0" smtClean="0"/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1_JAY DESIGN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JAY DESIGN">
      <a:majorFont>
        <a:latin typeface="Arial"/>
        <a:ea typeface="맑은 고딕"/>
        <a:cs typeface=""/>
      </a:majorFont>
      <a:minorFont>
        <a:latin typeface="Arial"/>
        <a:ea typeface="맑은 고딕"/>
        <a:cs typeface="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85000"/>
          </a:schemeClr>
        </a:solidFill>
        <a:ln>
          <a:noFill/>
        </a:ln>
      </a:spPr>
      <a:bodyPr lIns="0" tIns="0" rIns="0" bIns="0" rtlCol="0" anchor="ctr"/>
      <a:lstStyle>
        <a:defPPr algn="ctr">
          <a:defRPr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square" lIns="0" tIns="0" rIns="0" bIns="0" rtlCol="0">
        <a:spAutoFit/>
      </a:bodyPr>
      <a:lstStyle>
        <a:defPPr>
          <a:defRPr dirty="0" smtClean="0"/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5_Office Theme">
  <a:themeElements>
    <a:clrScheme name="Custom 1">
      <a:dk1>
        <a:srgbClr val="000000"/>
      </a:dk1>
      <a:lt1>
        <a:sysClr val="window" lastClr="FFFFFF"/>
      </a:lt1>
      <a:dk2>
        <a:srgbClr val="F1AC24"/>
      </a:dk2>
      <a:lt2>
        <a:srgbClr val="D00D7C"/>
      </a:lt2>
      <a:accent1>
        <a:srgbClr val="BAB80E"/>
      </a:accent1>
      <a:accent2>
        <a:srgbClr val="005492"/>
      </a:accent2>
      <a:accent3>
        <a:srgbClr val="26ABBF"/>
      </a:accent3>
      <a:accent4>
        <a:srgbClr val="104953"/>
      </a:accent4>
      <a:accent5>
        <a:srgbClr val="6D5743"/>
      </a:accent5>
      <a:accent6>
        <a:srgbClr val="A3402C"/>
      </a:accent6>
      <a:hlink>
        <a:srgbClr val="005768"/>
      </a:hlink>
      <a:folHlink>
        <a:srgbClr val="37373E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5.xml><?xml version="1.0" encoding="utf-8"?>
<a:theme xmlns:a="http://schemas.openxmlformats.org/drawingml/2006/main" name="7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6.xml><?xml version="1.0" encoding="utf-8"?>
<a:theme xmlns:a="http://schemas.openxmlformats.org/drawingml/2006/main" name="6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7.xml><?xml version="1.0" encoding="utf-8"?>
<a:theme xmlns:a="http://schemas.openxmlformats.org/drawingml/2006/main" name="3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8.xml><?xml version="1.0" encoding="utf-8"?>
<a:theme xmlns:a="http://schemas.openxmlformats.org/drawingml/2006/main" name="1_Office Teması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9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6</TotalTime>
  <Words>917</Words>
  <Application>Microsoft Office PowerPoint</Application>
  <PresentationFormat>Geniş ekran</PresentationFormat>
  <Paragraphs>215</Paragraphs>
  <Slides>18</Slides>
  <Notes>16</Notes>
  <HiddenSlides>0</HiddenSlides>
  <MMClips>1</MMClips>
  <ScaleCrop>false</ScaleCrop>
  <HeadingPairs>
    <vt:vector size="6" baseType="variant">
      <vt:variant>
        <vt:lpstr>Kullanılan Yazı Tipleri</vt:lpstr>
      </vt:variant>
      <vt:variant>
        <vt:i4>9</vt:i4>
      </vt:variant>
      <vt:variant>
        <vt:lpstr>Tema</vt:lpstr>
      </vt:variant>
      <vt:variant>
        <vt:i4>9</vt:i4>
      </vt:variant>
      <vt:variant>
        <vt:lpstr>Slayt Başlıkları</vt:lpstr>
      </vt:variant>
      <vt:variant>
        <vt:i4>18</vt:i4>
      </vt:variant>
    </vt:vector>
  </HeadingPairs>
  <TitlesOfParts>
    <vt:vector size="36" baseType="lpstr">
      <vt:lpstr>맑은 고딕</vt:lpstr>
      <vt:lpstr>Aptos</vt:lpstr>
      <vt:lpstr>Aptos Display</vt:lpstr>
      <vt:lpstr>Arial</vt:lpstr>
      <vt:lpstr>Bahnschrift SemiCondensed</vt:lpstr>
      <vt:lpstr>Calibri</vt:lpstr>
      <vt:lpstr>Calibri Light</vt:lpstr>
      <vt:lpstr>Helvetica</vt:lpstr>
      <vt:lpstr>Wingdings</vt:lpstr>
      <vt:lpstr>Office Teması</vt:lpstr>
      <vt:lpstr>JAY DESIGN</vt:lpstr>
      <vt:lpstr>1_JAY DESIGN</vt:lpstr>
      <vt:lpstr>5_Office Theme</vt:lpstr>
      <vt:lpstr>7_Office Teması</vt:lpstr>
      <vt:lpstr>6_Office Teması</vt:lpstr>
      <vt:lpstr>3_Office Teması</vt:lpstr>
      <vt:lpstr>1_Office Teması</vt:lpstr>
      <vt:lpstr>Office Theme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</vt:vector>
  </TitlesOfParts>
  <Company>NouS/TncTR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10.1.1. Allah İnancı ve İnsan</dc:title>
  <dc:creator>Mustafa Yıldırım</dc:creator>
  <cp:lastModifiedBy>Mustafa YILDIRIM</cp:lastModifiedBy>
  <cp:revision>13</cp:revision>
  <dcterms:created xsi:type="dcterms:W3CDTF">2020-09-13T19:51:28Z</dcterms:created>
  <dcterms:modified xsi:type="dcterms:W3CDTF">2024-09-08T13:18:54Z</dcterms:modified>
</cp:coreProperties>
</file>